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EstaPasta_de_trabalho" defaultThemeVersion="124226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5\Lei de Responsabilidade Fiscal\Arquivos para publicação\3º Quadrimestre 2015\"/>
    </mc:Choice>
  </mc:AlternateContent>
  <bookViews>
    <workbookView xWindow="10170" yWindow="0" windowWidth="9900" windowHeight="8085" tabRatio="926" firstSheet="2" activeTab="7"/>
  </bookViews>
  <sheets>
    <sheet name="Anexo 1 - Pessoal CONSOLIDADO" sheetId="1" r:id="rId1"/>
    <sheet name="Anexo 1 - Pessoal EXECUTIVO" sheetId="2" r:id="rId2"/>
    <sheet name="Anexo 2 - Dívida" sheetId="6" r:id="rId3"/>
    <sheet name="Anexo 3 - Garantias" sheetId="7" r:id="rId4"/>
    <sheet name="Anexo 4 -Op. Crédito" sheetId="8" r:id="rId5"/>
    <sheet name="Anexo 5-Dispon.Cx+RP-Executivo" sheetId="9" r:id="rId6"/>
    <sheet name="Anexo 5-Dispon.Cx+RP-Consolido" sheetId="10" r:id="rId7"/>
    <sheet name="Anexo 6 - Simplificado" sheetId="11" r:id="rId8"/>
  </sheets>
  <definedNames>
    <definedName name="_xlnm.Print_Area" localSheetId="0">'Anexo 1 - Pessoal CONSOLIDADO'!$A$3:$G$58</definedName>
    <definedName name="_xlnm.Print_Area" localSheetId="1">'Anexo 1 - Pessoal EXECUTIVO'!$A$3:$G$56</definedName>
    <definedName name="_xlnm.Print_Area" localSheetId="2">'Anexo 2 - Dívida'!$A$2:$M$116</definedName>
    <definedName name="_xlnm.Print_Area" localSheetId="3">'Anexo 3 - Garantias'!$A$3:$E$51</definedName>
    <definedName name="_xlnm.Print_Area" localSheetId="4">'Anexo 4 -Op. Crédito'!$A$3:$D$76</definedName>
    <definedName name="_xlnm.Print_Area" localSheetId="5">'Anexo 5-Dispon.Cx+RP-Executivo'!$A$1:$I$64</definedName>
    <definedName name="_xlnm.Print_Area" localSheetId="7">'Anexo 6 - Simplificado'!$A$3:$C$53</definedName>
    <definedName name="HTML_CodePage" hidden="1">1252</definedName>
    <definedName name="HTML_Description" hidden="1">""</definedName>
    <definedName name="HTML_Email" hidden="1">""</definedName>
    <definedName name="HTML_Header" hidden="1">"Tabela"</definedName>
    <definedName name="HTML_LastUpdate" hidden="1">"16/03/98"</definedName>
    <definedName name="HTML_LineAfter" hidden="1">FALSE</definedName>
    <definedName name="HTML_LineBefore" hidden="1">FALSE</definedName>
    <definedName name="HTML_Name" hidden="1">"Rede Integrada"</definedName>
    <definedName name="HTML_OBDlg2" hidden="1">TRUE</definedName>
    <definedName name="HTML_OBDlg4" hidden="1">TRUE</definedName>
    <definedName name="HTML_OS" hidden="1">0</definedName>
    <definedName name="HTML_PathFile" hidden="1">"C:\internetemp\balpep1.htm"</definedName>
    <definedName name="HTML_Title" hidden="1">"Balpep11"</definedName>
    <definedName name="Planilha_1ÁreaTotal" localSheetId="0">#REF!,#REF!</definedName>
    <definedName name="Planilha_1ÁreaTotal" localSheetId="7">#REF!,#REF!</definedName>
    <definedName name="Planilha_1ÁreaTotal">#REF!,#REF!</definedName>
    <definedName name="Planilha_1CabGráfico" localSheetId="0">#REF!</definedName>
    <definedName name="Planilha_1CabGráfico" localSheetId="7">#REF!</definedName>
    <definedName name="Planilha_1CabGráfico">#REF!</definedName>
    <definedName name="Planilha_1TítCols" localSheetId="0">#REF!,#REF!</definedName>
    <definedName name="Planilha_1TítCols" localSheetId="7">#REF!,#REF!</definedName>
    <definedName name="Planilha_1TítCols">#REF!,#REF!</definedName>
    <definedName name="Planilha_1TítLins" localSheetId="0">#REF!</definedName>
    <definedName name="Planilha_1TítLins" localSheetId="7">#REF!</definedName>
    <definedName name="Planilha_1TítLins">#REF!</definedName>
    <definedName name="Planilha_2ÁreaTotal" localSheetId="0">#REF!,#REF!</definedName>
    <definedName name="Planilha_2ÁreaTotal">#REF!,#REF!</definedName>
    <definedName name="Planilha_2CabGráfico" localSheetId="0">#REF!</definedName>
    <definedName name="Planilha_2CabGráfico">#REF!</definedName>
    <definedName name="Planilha_2TítCols" localSheetId="0">#REF!,#REF!</definedName>
    <definedName name="Planilha_2TítCols">#REF!,#REF!</definedName>
    <definedName name="Planilha_2TítLins" localSheetId="0">#REF!</definedName>
    <definedName name="Planilha_2TítLins">#REF!</definedName>
    <definedName name="Planilha_3ÁreaTotal" localSheetId="0">#REF!,#REF!</definedName>
    <definedName name="Planilha_3ÁreaTotal">#REF!,#REF!</definedName>
    <definedName name="Planilha_3CabGráfico" localSheetId="0">#REF!</definedName>
    <definedName name="Planilha_3CabGráfico">#REF!</definedName>
    <definedName name="Planilha_3TítCols" localSheetId="0">#REF!,#REF!</definedName>
    <definedName name="Planilha_3TítCols">#REF!,#REF!</definedName>
    <definedName name="Planilha_3TítLins" localSheetId="0">#REF!</definedName>
    <definedName name="Planilha_3TítLins">#REF!</definedName>
    <definedName name="Planilha_4ÁreaTotal" localSheetId="0">#REF!,#REF!</definedName>
    <definedName name="Planilha_4ÁreaTotal">#REF!,#REF!</definedName>
    <definedName name="Planilha_4TítCols" localSheetId="0">#REF!,#REF!</definedName>
    <definedName name="Planilha_4TítCols">#REF!,#REF!</definedName>
    <definedName name="Z_05BE6146_A9DF_4967_AF82_02B690EDB2A3_.wvu.PrintArea" localSheetId="0" hidden="1">'Anexo 1 - Pessoal CONSOLIDADO'!$A$3:$G$58</definedName>
    <definedName name="Z_05BE6146_A9DF_4967_AF82_02B690EDB2A3_.wvu.PrintArea" localSheetId="1" hidden="1">'Anexo 1 - Pessoal EXECUTIVO'!$A$3:$G$56</definedName>
    <definedName name="Z_05BE6146_A9DF_4967_AF82_02B690EDB2A3_.wvu.PrintArea" localSheetId="2" hidden="1">'Anexo 2 - Dívida'!$A$1:$M$117</definedName>
    <definedName name="Z_05BE6146_A9DF_4967_AF82_02B690EDB2A3_.wvu.PrintArea" localSheetId="3" hidden="1">'Anexo 3 - Garantias'!$A$3:$E$51</definedName>
    <definedName name="Z_05BE6146_A9DF_4967_AF82_02B690EDB2A3_.wvu.PrintArea" localSheetId="4" hidden="1">'Anexo 4 -Op. Crédito'!$A$3:$D$76</definedName>
    <definedName name="Z_05BE6146_A9DF_4967_AF82_02B690EDB2A3_.wvu.PrintArea" localSheetId="7" hidden="1">'Anexo 6 - Simplificado'!$A$3:$C$53</definedName>
    <definedName name="Z_2E3109D4_AAF5_4B4A_B3D6_6363C0BC1DF5_.wvu.PrintArea" localSheetId="0" hidden="1">'Anexo 1 - Pessoal CONSOLIDADO'!$A$3:$G$58</definedName>
    <definedName name="Z_2E3109D4_AAF5_4B4A_B3D6_6363C0BC1DF5_.wvu.PrintArea" localSheetId="1" hidden="1">'Anexo 1 - Pessoal EXECUTIVO'!$A$3:$G$56</definedName>
    <definedName name="Z_2E3109D4_AAF5_4B4A_B3D6_6363C0BC1DF5_.wvu.PrintArea" localSheetId="2" hidden="1">'Anexo 2 - Dívida'!$A$1:$M$116</definedName>
    <definedName name="Z_2E3109D4_AAF5_4B4A_B3D6_6363C0BC1DF5_.wvu.PrintArea" localSheetId="3" hidden="1">'Anexo 3 - Garantias'!$A$3:$E$51</definedName>
    <definedName name="Z_2E3109D4_AAF5_4B4A_B3D6_6363C0BC1DF5_.wvu.PrintArea" localSheetId="4" hidden="1">'Anexo 4 -Op. Crédito'!$A$3:$D$76</definedName>
    <definedName name="Z_2E3109D4_AAF5_4B4A_B3D6_6363C0BC1DF5_.wvu.PrintArea" localSheetId="7" hidden="1">'Anexo 6 - Simplificado'!$A$3:$C$53</definedName>
    <definedName name="Z_6C121633_ED4E_47D4_9C39_9D582FC532C7_.wvu.PrintArea" localSheetId="0" hidden="1">'Anexo 1 - Pessoal CONSOLIDADO'!$A$3:$G$58</definedName>
    <definedName name="Z_6C121633_ED4E_47D4_9C39_9D582FC532C7_.wvu.PrintArea" localSheetId="1" hidden="1">'Anexo 1 - Pessoal EXECUTIVO'!$A$3:$G$56</definedName>
    <definedName name="Z_6C121633_ED4E_47D4_9C39_9D582FC532C7_.wvu.PrintArea" localSheetId="2" hidden="1">'Anexo 2 - Dívida'!$A$1:$M$116</definedName>
    <definedName name="Z_6C121633_ED4E_47D4_9C39_9D582FC532C7_.wvu.PrintArea" localSheetId="3" hidden="1">'Anexo 3 - Garantias'!$A$3:$E$51</definedName>
    <definedName name="Z_6C121633_ED4E_47D4_9C39_9D582FC532C7_.wvu.PrintArea" localSheetId="4" hidden="1">'Anexo 4 -Op. Crédito'!$A$3:$D$76</definedName>
    <definedName name="Z_6C121633_ED4E_47D4_9C39_9D582FC532C7_.wvu.PrintArea" localSheetId="5" hidden="1">'Anexo 5-Dispon.Cx+RP-Executivo'!$A$1:$I$64</definedName>
    <definedName name="Z_6C121633_ED4E_47D4_9C39_9D582FC532C7_.wvu.PrintArea" localSheetId="7" hidden="1">'Anexo 6 - Simplificado'!$A$3:$C$53</definedName>
    <definedName name="Z_6D063188_16B5_4071_AE21_C7F6DB37AFBB_.wvu.PrintArea" localSheetId="0" hidden="1">'Anexo 1 - Pessoal CONSOLIDADO'!$A$3:$G$58</definedName>
    <definedName name="Z_6D063188_16B5_4071_AE21_C7F6DB37AFBB_.wvu.PrintArea" localSheetId="1" hidden="1">'Anexo 1 - Pessoal EXECUTIVO'!$A$3:$G$56</definedName>
    <definedName name="Z_6D063188_16B5_4071_AE21_C7F6DB37AFBB_.wvu.PrintArea" localSheetId="2" hidden="1">'Anexo 2 - Dívida'!$A$2:$M$116</definedName>
    <definedName name="Z_6D063188_16B5_4071_AE21_C7F6DB37AFBB_.wvu.PrintArea" localSheetId="3" hidden="1">'Anexo 3 - Garantias'!$A$3:$E$51</definedName>
    <definedName name="Z_6D063188_16B5_4071_AE21_C7F6DB37AFBB_.wvu.PrintArea" localSheetId="4" hidden="1">'Anexo 4 -Op. Crédito'!$A$3:$D$76</definedName>
    <definedName name="Z_6D063188_16B5_4071_AE21_C7F6DB37AFBB_.wvu.PrintArea" localSheetId="5" hidden="1">'Anexo 5-Dispon.Cx+RP-Executivo'!$A$1:$I$64</definedName>
    <definedName name="Z_6D063188_16B5_4071_AE21_C7F6DB37AFBB_.wvu.PrintArea" localSheetId="7" hidden="1">'Anexo 6 - Simplificado'!$A$3:$C$53</definedName>
    <definedName name="Z_A3DDC128_A56B_4F45_A551_BA04BB179A3D_.wvu.PrintArea" localSheetId="0" hidden="1">'Anexo 1 - Pessoal CONSOLIDADO'!$A$3:$G$58</definedName>
    <definedName name="Z_A3DDC128_A56B_4F45_A551_BA04BB179A3D_.wvu.PrintArea" localSheetId="1" hidden="1">'Anexo 1 - Pessoal EXECUTIVO'!$A$3:$G$56</definedName>
    <definedName name="Z_A3DDC128_A56B_4F45_A551_BA04BB179A3D_.wvu.PrintArea" localSheetId="2" hidden="1">'Anexo 2 - Dívida'!$A$1:$M$116</definedName>
    <definedName name="Z_A3DDC128_A56B_4F45_A551_BA04BB179A3D_.wvu.PrintArea" localSheetId="3" hidden="1">'Anexo 3 - Garantias'!$A$3:$E$51</definedName>
    <definedName name="Z_A3DDC128_A56B_4F45_A551_BA04BB179A3D_.wvu.PrintArea" localSheetId="4" hidden="1">'Anexo 4 -Op. Crédito'!$A$3:$D$76</definedName>
    <definedName name="Z_A3DDC128_A56B_4F45_A551_BA04BB179A3D_.wvu.PrintArea" localSheetId="5" hidden="1">'Anexo 5-Dispon.Cx+RP-Executivo'!$A$1:$I$64</definedName>
    <definedName name="Z_A3DDC128_A56B_4F45_A551_BA04BB179A3D_.wvu.PrintArea" localSheetId="7" hidden="1">'Anexo 6 - Simplificado'!$A$3:$C$53</definedName>
    <definedName name="Z_D8FEB5D0_D989_4C2B_BD50_DB181944A81F_.wvu.PrintArea" localSheetId="0" hidden="1">'Anexo 1 - Pessoal CONSOLIDADO'!$A$3:$G$58</definedName>
    <definedName name="Z_D8FEB5D0_D989_4C2B_BD50_DB181944A81F_.wvu.PrintArea" localSheetId="1" hidden="1">'Anexo 1 - Pessoal EXECUTIVO'!$A$3:$G$56</definedName>
    <definedName name="Z_D8FEB5D0_D989_4C2B_BD50_DB181944A81F_.wvu.PrintArea" localSheetId="2" hidden="1">'Anexo 2 - Dívida'!$A$1:$M$116</definedName>
    <definedName name="Z_D8FEB5D0_D989_4C2B_BD50_DB181944A81F_.wvu.PrintArea" localSheetId="3" hidden="1">'Anexo 3 - Garantias'!$A$3:$E$51</definedName>
    <definedName name="Z_D8FEB5D0_D989_4C2B_BD50_DB181944A81F_.wvu.PrintArea" localSheetId="4" hidden="1">'Anexo 4 -Op. Crédito'!$A$3:$D$76</definedName>
    <definedName name="Z_D8FEB5D0_D989_4C2B_BD50_DB181944A81F_.wvu.PrintArea" localSheetId="5" hidden="1">'Anexo 5-Dispon.Cx+RP-Executivo'!$A$1:$I$64</definedName>
    <definedName name="Z_D8FEB5D0_D989_4C2B_BD50_DB181944A81F_.wvu.PrintArea" localSheetId="7" hidden="1">'Anexo 6 - Simplificado'!$A$3:$C$53</definedName>
  </definedNames>
  <calcPr calcId="152511"/>
  <customWorkbookViews>
    <customWorkbookView name="CLÁUDIO JOSÉ DAINESE - Modo de exibição pessoal" guid="{6D063188-16B5-4071-AE21-C7F6DB37AFBB}" mergeInterval="0" personalView="1" maximized="1" xWindow="-8" yWindow="-8" windowWidth="1382" windowHeight="744" tabRatio="926" activeSheetId="11"/>
    <customWorkbookView name="vyasunaka - Modo de exibição pessoal" guid="{6C121633-ED4E-47D4-9C39-9D582FC532C7}" mergeInterval="0" personalView="1" maximized="1" xWindow="1" yWindow="1" windowWidth="1362" windowHeight="534" tabRatio="841" activeSheetId="9"/>
    <customWorkbookView name="JOSE CARLOS BERNARDI - Modo de exibição pessoal" guid="{A3DDC128-A56B-4F45-A551-BA04BB179A3D}" mergeInterval="0" personalView="1" maximized="1" xWindow="1" yWindow="1" windowWidth="1362" windowHeight="538" tabRatio="841" activeSheetId="9"/>
    <customWorkbookView name="cdainese - Modo de exibição pessoal" guid="{2E3109D4-AAF5-4B4A-B3D6-6363C0BC1DF5}" mergeInterval="0" personalView="1" maximized="1" xWindow="1" yWindow="1" windowWidth="1362" windowHeight="538" tabRatio="953" activeSheetId="11" showComments="commIndAndComment"/>
    <customWorkbookView name="rooliveira - Modo de exibição pessoal" guid="{05BE6146-A9DF-4967-AF82-02B690EDB2A3}" mergeInterval="0" personalView="1" maximized="1" xWindow="1" yWindow="1" windowWidth="1362" windowHeight="518" tabRatio="841" activeSheetId="11"/>
    <customWorkbookView name="sandrade - Modo de exibição pessoal" guid="{D8FEB5D0-D989-4C2B-BD50-DB181944A81F}" mergeInterval="0" personalView="1" maximized="1" xWindow="1" yWindow="1" windowWidth="1362" windowHeight="538" tabRatio="841" activeSheetId="7"/>
  </customWorkbookViews>
</workbook>
</file>

<file path=xl/sharedStrings.xml><?xml version="1.0" encoding="utf-8"?>
<sst xmlns="http://schemas.openxmlformats.org/spreadsheetml/2006/main" count="507" uniqueCount="263">
  <si>
    <t>RELATÓRIO DE GESTÃO FISCAL</t>
  </si>
  <si>
    <t>RECEITA CORRENTE LÍQUIDA - RCL</t>
  </si>
  <si>
    <t>OPERAÇÕES DE CRÉDITO</t>
  </si>
  <si>
    <t>VALOR</t>
  </si>
  <si>
    <t>ORÇAMENTOS FISCAL E DA SEGURIDADE SOCIAL</t>
  </si>
  <si>
    <t>RESTOS A PAGAR</t>
  </si>
  <si>
    <t>Nota:</t>
  </si>
  <si>
    <t>% SOBRE A RCL</t>
  </si>
  <si>
    <t>Dívida Consolidada Líquida</t>
  </si>
  <si>
    <t>DEMONSTRATIVO DAS GARANTIAS E CONTRAGARANTIAS DE VALORES</t>
  </si>
  <si>
    <t xml:space="preserve">DEMONSTRATIVO DA DESPESA COM PESSOAL </t>
  </si>
  <si>
    <t>DEMONSTRATIVO DAS OPERAÇÕES DE CRÉDITO</t>
  </si>
  <si>
    <t>Limite Definido por Resolução do Senado Federal</t>
  </si>
  <si>
    <t>DESPESA COM PESSOAL</t>
  </si>
  <si>
    <t>% do TOTAL DAS GARANTIAS sobre a RCL</t>
  </si>
  <si>
    <t>GARANTIAS DE VALORES</t>
  </si>
  <si>
    <t>Operações de Crédito Internas e Externas</t>
  </si>
  <si>
    <t>Operações de Crédito por Antecipação da Receita</t>
  </si>
  <si>
    <t>DÍVIDA CONSOLIDADA - DC (I)</t>
  </si>
  <si>
    <t xml:space="preserve"> DEMONSTRATIVO DA DÍVIDA CONSOLIDADA LÍQUIDA</t>
  </si>
  <si>
    <t>Quadrimestre</t>
  </si>
  <si>
    <t xml:space="preserve">            Demais Contribuições Sociais</t>
  </si>
  <si>
    <t>DEDUÇÕES (II)¹</t>
  </si>
  <si>
    <t>REGIME PREVIDENCIÁRIO</t>
  </si>
  <si>
    <t>Até o 1º Quadrimestre</t>
  </si>
  <si>
    <t>Até o 2º Quadrimestre</t>
  </si>
  <si>
    <t>Até o 3º Quadrimestre</t>
  </si>
  <si>
    <t xml:space="preserve">OBRIGAÇÕES NÃO INTEGRANTES DA DC </t>
  </si>
  <si>
    <t xml:space="preserve">    Dívida Mobiliária</t>
  </si>
  <si>
    <t xml:space="preserve">    Dívida Contratual</t>
  </si>
  <si>
    <t xml:space="preserve">        De Contribuições Sociais</t>
  </si>
  <si>
    <t xml:space="preserve">        Do FGTS</t>
  </si>
  <si>
    <t xml:space="preserve">    Outras Dívidas</t>
  </si>
  <si>
    <t xml:space="preserve">    Parcelamentos de Dívidas</t>
  </si>
  <si>
    <t>SALDO DO</t>
  </si>
  <si>
    <t>EXERCÍCIO ANTERIOR</t>
  </si>
  <si>
    <t>Limite Definido pelo Senado Federal para Operações de Crédito por Antecipação da Receita</t>
  </si>
  <si>
    <t>(Últimos 12 Meses)</t>
  </si>
  <si>
    <t xml:space="preserve">    (-) Restos a Pagar Processados</t>
  </si>
  <si>
    <t>DÍVIDA CONSOLIDADA LÍQUIDA (DCL) (III) = (I - II)</t>
  </si>
  <si>
    <t xml:space="preserve">    Demais Dívidas</t>
  </si>
  <si>
    <t xml:space="preserve">    Passivo Atuarial</t>
  </si>
  <si>
    <t xml:space="preserve">    Investimentos</t>
  </si>
  <si>
    <t>DESPESA BRUTA COM PESSOAL (I)</t>
  </si>
  <si>
    <t>Indenizações por Demissão e Incentivos à Demissão Voluntária</t>
  </si>
  <si>
    <t>Inativos e Pensionistas com Recursos Vinculados</t>
  </si>
  <si>
    <t>EXTERNAS (I)</t>
  </si>
  <si>
    <t xml:space="preserve">    Aval ou fiança em operações de crédito</t>
  </si>
  <si>
    <t>INTERNAS (II)</t>
  </si>
  <si>
    <t>EM RESTOS A PAGAR NÃO PROCESSADOS</t>
  </si>
  <si>
    <t>RECEITA CORRENTE LÍQUIDA - RCL (IV)</t>
  </si>
  <si>
    <t>% da DC sobre a RCL (I/RCL)</t>
  </si>
  <si>
    <t>% da DCL sobre a RCL (III/RCL)</t>
  </si>
  <si>
    <t>GARANTIAS CONCEDIDAS</t>
  </si>
  <si>
    <t>DESPESAS EXECUTADAS</t>
  </si>
  <si>
    <t>LIQUIDADAS</t>
  </si>
  <si>
    <t>INSCRITAS EM</t>
  </si>
  <si>
    <t xml:space="preserve"> RESTOS A PAGAR</t>
  </si>
  <si>
    <t xml:space="preserve">NÃO </t>
  </si>
  <si>
    <t xml:space="preserve">    Outras garantias nos Termos da LRF</t>
  </si>
  <si>
    <t>TOTAL GARANTIAS CONCEDIDAS (III) = (I + II)</t>
  </si>
  <si>
    <t>CONTRAGARANTIAS RECEBIDAS</t>
  </si>
  <si>
    <t>TOTAL CONTRAGARANTIAS RECEBIDAS (VII) = (V + VI)</t>
  </si>
  <si>
    <t>(a)</t>
  </si>
  <si>
    <t>(b)</t>
  </si>
  <si>
    <t>DESPESA LÍQUIDA COM PESSOAL (III) = (I - II)</t>
  </si>
  <si>
    <t>APURAÇÃO DO CUMPRIMENTO DO LIMITE LEGAL</t>
  </si>
  <si>
    <t>Despesa Total com Pessoal - DTP</t>
  </si>
  <si>
    <t>DESPESAS NÃO COMPUTADAS (§ 1º do art. 19 da LRF) (II)</t>
  </si>
  <si>
    <t>EXTERNAS (V)</t>
  </si>
  <si>
    <t>INTERNAS (VI)</t>
  </si>
  <si>
    <t>Limite Definido pelo Senado Federal para Operações de Crédito Externas e Internas</t>
  </si>
  <si>
    <t>No</t>
  </si>
  <si>
    <t>de Referência</t>
  </si>
  <si>
    <t xml:space="preserve">Até o </t>
  </si>
  <si>
    <t xml:space="preserve">Quadrimestre </t>
  </si>
  <si>
    <t>SUJEITAS AO LIMITE PARA FINS DE CONTRATAÇÃO (I)</t>
  </si>
  <si>
    <t xml:space="preserve">    Mobiliária</t>
  </si>
  <si>
    <t xml:space="preserve">        Interna</t>
  </si>
  <si>
    <t xml:space="preserve">        Externa</t>
  </si>
  <si>
    <t xml:space="preserve">    Contratual</t>
  </si>
  <si>
    <t xml:space="preserve">            Abertura de Crédito</t>
  </si>
  <si>
    <t xml:space="preserve">            Aquisição Financiada de Bens e Arrendamento Mercantil Financeiro</t>
  </si>
  <si>
    <t xml:space="preserve">                Derivadas de PPP</t>
  </si>
  <si>
    <t xml:space="preserve">                Demais Aquisições Financiadas</t>
  </si>
  <si>
    <t xml:space="preserve">            Antecipação de Receita</t>
  </si>
  <si>
    <t xml:space="preserve">                Pela Venda a Termo de Bens e Serviços</t>
  </si>
  <si>
    <t xml:space="preserve">                Demais Antecipações de Receita</t>
  </si>
  <si>
    <t xml:space="preserve">            Assunção, Reconhecimento e Confissão de Dívidas (LRF, art. 29, § 1º)</t>
  </si>
  <si>
    <t xml:space="preserve">            Outras Operações de Crédito</t>
  </si>
  <si>
    <t>NÃO SUJEITAS AO LIMITE PARA FINS DE CONTRATAÇÃO (II)</t>
  </si>
  <si>
    <t xml:space="preserve">        De Tributos</t>
  </si>
  <si>
    <t xml:space="preserve">            Previdenciárias</t>
  </si>
  <si>
    <t xml:space="preserve">    Programa de Iluminação Pública – RELUZ</t>
  </si>
  <si>
    <t>APURAÇÃO DO CUMPRIMENTO DOS LIMITES</t>
  </si>
  <si>
    <t>% SOBRE</t>
  </si>
  <si>
    <t>A RCL</t>
  </si>
  <si>
    <t>RECEITA CORRENTE LÍQUIDA – RCL</t>
  </si>
  <si>
    <t>LIMITE GERAL DEFINIDO POR RESOLUÇÃO DO SENADO FEDERAL PARA AS OPERAÇÕES DE CRÉDITO INTERNAS E EXTERNAS</t>
  </si>
  <si>
    <t xml:space="preserve">OPERAÇÕES DE CRÉDITO POR ANTECIPAÇÃO DA RECEITA ORÇAMENTÁRIA </t>
  </si>
  <si>
    <t>LIMITE DEFINIDO POR RESOLUÇÃO DO SENADO FEDERAL PARA AS OPERAÇÕES DE CRÉDITO POR ANTECIPAÇÃO DA RECEITA ORÇAMENTÁRIA</t>
  </si>
  <si>
    <t xml:space="preserve">Notas: </t>
  </si>
  <si>
    <t>DEMONSTRATIVO SIMPLIFICADO DO RELATÓRIO DE GESTÃO FISCAL</t>
  </si>
  <si>
    <t xml:space="preserve">    (-) Restos a Pagar Processados (Exceto Precatórios)</t>
  </si>
  <si>
    <t xml:space="preserve">    Disponibilidade de Caixa Bruta</t>
  </si>
  <si>
    <t xml:space="preserve">    Demais Haveres Financeiros</t>
  </si>
  <si>
    <t xml:space="preserve">DÍVIDA CONSOLIDADA </t>
  </si>
  <si>
    <t xml:space="preserve">DETALHAMENTO DA DÍVIDA CONTRATUAL </t>
  </si>
  <si>
    <t xml:space="preserve">    De Contribuições Sociais</t>
  </si>
  <si>
    <t xml:space="preserve">        Demais Contribuições Sociais</t>
  </si>
  <si>
    <t xml:space="preserve">    Do FGTS</t>
  </si>
  <si>
    <t xml:space="preserve">    De Tributos</t>
  </si>
  <si>
    <t xml:space="preserve">        Previdenciárias</t>
  </si>
  <si>
    <t>OUTROS VALORES NÃO INTEGRANTES DA DC</t>
  </si>
  <si>
    <t>PRECATÓRIOS ANTERIORES A 05/05/2000</t>
  </si>
  <si>
    <t>INSUFICIÊNCIA FINANCEIRA</t>
  </si>
  <si>
    <t>DEPÓSITOS</t>
  </si>
  <si>
    <t>RP NÃO-PROCESSADOS DE EXERCÍCIOS ANTERIORES</t>
  </si>
  <si>
    <t>ANTECIPAÇÕES DE RECEITA ORÇAMENTÁRIA – ARO</t>
  </si>
  <si>
    <t xml:space="preserve">DÍVIDA CONSOLIDADA PREVIDENCIÁRIA 
</t>
  </si>
  <si>
    <t>MEDIDAS CORRETIVAS:</t>
  </si>
  <si>
    <t>TOTAL CONSIDERADO PARA FINS DA APURAÇÃO DO CUMPRIMENTO DO LIMITE (IV)= (Ia + III)</t>
  </si>
  <si>
    <t>TOTAL CONSIDERADO PARA CONTRATAÇÃO DE NOVAS OPERAÇÕES DE CRÉDITO (V) = (IV + IIa)</t>
  </si>
  <si>
    <t>DISPONIBILIDADE DE CAIXA LÍQUIDA (ANTES DA INSCRIÇÃO EM RESTOS A PAGAR NÃO PROCESSADOS DO EXERCÍCIO)</t>
  </si>
  <si>
    <t>Total das Garantias Concedidas</t>
  </si>
  <si>
    <t>Valor Total</t>
  </si>
  <si>
    <t>INSCRIÇÃO EM RESTOS A PAGAR NÃO PROCESSADOS DO EXERCÍCIO</t>
  </si>
  <si>
    <t>VALOR REALIZADO</t>
  </si>
  <si>
    <t xml:space="preserve">    Com Instituição Não Financeira</t>
  </si>
  <si>
    <t xml:space="preserve">    Interna</t>
  </si>
  <si>
    <t xml:space="preserve">    Externa</t>
  </si>
  <si>
    <t>DÍVIDA CONTRATUAL (IV = V + VI + VII + VIII)</t>
  </si>
  <si>
    <t>DÍVIDA DE PPP (V)</t>
  </si>
  <si>
    <t>PARCELAMENTO DE DÍVIDAS (VI)</t>
  </si>
  <si>
    <t>DÍVIDA COM INSTITUIÇÃO FINANCEIRA (VII)</t>
  </si>
  <si>
    <t>DEMAIS DÍVIDAS CONTRATUAIS (VIII)</t>
  </si>
  <si>
    <t>DÍVIDA CONSOLIDADA PREVIDENCIÁRIA (IX)</t>
  </si>
  <si>
    <t>DEDUÇÕES (X)¹</t>
  </si>
  <si>
    <t>DÍVIDA CONSOLIDADA LÍQUIDA PREVIDENCIÁRIA (XI) = (IX - X)</t>
  </si>
  <si>
    <t xml:space="preserve">    Disponibilidade de Caixa Bruta </t>
  </si>
  <si>
    <t xml:space="preserve">       Interna</t>
  </si>
  <si>
    <t xml:space="preserve">       Externa</t>
  </si>
  <si>
    <t>Decorrentes de Decisão Judicial de período anterior ao da apuração</t>
  </si>
  <si>
    <t>Despesas de Exercícios Anteriores de período anterior ao da apuração</t>
  </si>
  <si>
    <t xml:space="preserve"> RGF - ANEXO 1 (LRF, art. 55, inciso I, alínea "a")</t>
  </si>
  <si>
    <t xml:space="preserve">    Pessoal Ativo</t>
  </si>
  <si>
    <t xml:space="preserve">    Pessoal Inativo e Pensionistas</t>
  </si>
  <si>
    <t xml:space="preserve">    Outras despesas de pessoal decorrentes de contratos de terceirização (§ 1º do art. 18 da LRF)</t>
  </si>
  <si>
    <t xml:space="preserve"> RGF - ANEXO 2 (LRF, art. 55, inciso I, alínea "b")</t>
  </si>
  <si>
    <t xml:space="preserve"> RGF - ANEXO 3 (LRF, art. 55, inciso I, alínea "c" e art. 40, § 1º)</t>
  </si>
  <si>
    <t>RGF - ANEXO 4 (LRF, art. 55, inciso I, alínea "d" e inciso III alínea "c")</t>
  </si>
  <si>
    <t>2 &lt; Medidas Corretivas&gt;</t>
  </si>
  <si>
    <t>1 Para fins de contratação de operações de crédito, verificadas pela STN/COPEM segundo o Manual para Instrução de Pleitos, serão consideradas no cálculo do limite as operações que pressupõem ingresso financeiro.</t>
  </si>
  <si>
    <t>1. Se o saldo apurado for negativo, ou seja, se o total do Ativo Disponível mais os Haveres Financeiros for menor que Restos a Pagar Processados, não deverá ser informado nessa linha, mas sim na linha da “Insuficiência Financeira”, das Obrigações não integrantes da Dívida Consolidada - DC. Assim quando o cálculo de DEDUÇÕES (II) for negativo, colocar um "-" (traço) nessa linha.</t>
  </si>
  <si>
    <t xml:space="preserve">  Do Período de Referência (III)</t>
  </si>
  <si>
    <t xml:space="preserve">  De períodos Anteriores ao de Referência</t>
  </si>
  <si>
    <t>1. Nos demonstrativos elaborados no primeiro e no segundo quadrimestre de cada exercício, os valores de restos a pagar não processados inscritos em 31 de dezembro do exercício anterior continuarão a ser informados nesse campo. Esses valores não sofrem alteração pelo seu processamento, e somente no caso de cancelamento podem ser excluídos.</t>
  </si>
  <si>
    <t xml:space="preserve">Nota: </t>
  </si>
  <si>
    <t>1. Inclui garantias concedidas por meio de Fundos</t>
  </si>
  <si>
    <t>DESPESA TOTAL COM PESSOAL - DTP (V) = (III a + III b)</t>
  </si>
  <si>
    <t xml:space="preserve">OPERAÇÕES VEDADAS </t>
  </si>
  <si>
    <t>RECEITA CORRENTE LÍQUIDA</t>
  </si>
  <si>
    <t>VALOR ATÉ O BIMESTRE</t>
  </si>
  <si>
    <t>Receita Corrente líquida</t>
  </si>
  <si>
    <t xml:space="preserve">LIMITE MÁXIMO (VI) (incisos I, II e III, art. 20 da LRF) </t>
  </si>
  <si>
    <t>TRAJETÓRIA DE AJUSTE DA DÍVIDA CONSOLIDADA LÍQUIDA EM CADA EXERCÍCIO FINANCEIRO</t>
  </si>
  <si>
    <t>2001</t>
  </si>
  <si>
    <t>2002</t>
  </si>
  <si>
    <t>2003</t>
  </si>
  <si>
    <t>2004</t>
  </si>
  <si>
    <t>Exercício Financeiro</t>
  </si>
  <si>
    <t>3º Quadrimestre</t>
  </si>
  <si>
    <t>DCL</t>
  </si>
  <si>
    <t>Excedente²</t>
  </si>
  <si>
    <t>Redutor</t>
  </si>
  <si>
    <t>1º</t>
  </si>
  <si>
    <t>2º</t>
  </si>
  <si>
    <t>3º</t>
  </si>
  <si>
    <t>% da DCL sobre a RCL</t>
  </si>
  <si>
    <t>% Limite de Endividamento</t>
  </si>
  <si>
    <t>2005</t>
  </si>
  <si>
    <t>2006</t>
  </si>
  <si>
    <t>2007</t>
  </si>
  <si>
    <t>2008</t>
  </si>
  <si>
    <t>2009</t>
  </si>
  <si>
    <t>2010</t>
  </si>
  <si>
    <t>2011</t>
  </si>
  <si>
    <t>2012</t>
  </si>
  <si>
    <t>2013</t>
  </si>
  <si>
    <t>2014</t>
  </si>
  <si>
    <t>2015</t>
  </si>
  <si>
    <t>2016</t>
  </si>
  <si>
    <t>¹ Se o saldo apurado for negativo, ou seja, se o total do Ativo Disponível mais os Haveres Financeiros for menor que Restos a Pagar Processados, não deverá ser informado nessa linha, mas sim</t>
  </si>
  <si>
    <t>na linha da “Insuficiência Financeira”, das Obrigações não integrantes da Dívida Consolidada - DC. Assim quando o cálculo de DEDUÇÕES (II) for negativo, colocar um "-" (traço) nessa linha.</t>
  </si>
  <si>
    <t>² O excedente em relação ao limite apurado ao final do exercício de 2001 deverá ser reduzido, no mínimo, à proporção de 1/15 (um quinze avos) a cada exercício financeiro. O valor da redução</t>
  </si>
  <si>
    <t>anual, 1/15 (um quinze avos) do excedente, é apresentado na coluna Redutor.</t>
  </si>
  <si>
    <t xml:space="preserve">LIMITE PRUDENCIAL (VII) = (0,95 x VI) (parágrafo único do art. 22 da LRF) </t>
  </si>
  <si>
    <t xml:space="preserve">LIMITE DE ALERTA (VIII) = (0,90 x VI) (inciso II do §1º do art. 59 da LRF) </t>
  </si>
  <si>
    <r>
      <t xml:space="preserve"> PROCESSADOS</t>
    </r>
    <r>
      <rPr>
        <b/>
        <vertAlign val="superscript"/>
        <sz val="8"/>
        <rFont val="Verdana"/>
        <family val="2"/>
      </rPr>
      <t>1</t>
    </r>
  </si>
  <si>
    <t>ESTADO DE MATO GROSSO DO SUL</t>
  </si>
  <si>
    <t>CONSOLIDADO</t>
  </si>
  <si>
    <t>EXECUTIVO</t>
  </si>
  <si>
    <t>SALDO DO EXERCÍCIO DE 2015</t>
  </si>
  <si>
    <t xml:space="preserve">    Precatórios posteriores a 05/05/2000</t>
  </si>
  <si>
    <t>Imposto de Renda</t>
  </si>
  <si>
    <t>LIMITE DEFINIDO POR RESOLUÇÃO DO SENADO FEDERAL - 200%</t>
  </si>
  <si>
    <t>LIMITE DE ALERTA (inciso III do § 1º do art. 59 da LRF) - 90%</t>
  </si>
  <si>
    <t>LIMITE DEFINIDO POR RESOLUÇÃO DO SENADO FEDERAL - 22%</t>
  </si>
  <si>
    <t>LIMITE DE ALERTA (inciso III do §1º do art. 59 da LRF) - 90%</t>
  </si>
  <si>
    <t>Limite Máximo (incisos I, II e III, art. 20 da LRF) - 60%</t>
  </si>
  <si>
    <t>Limite Prudencial  (parágrafo único, art. 22 da LRF) - 95%</t>
  </si>
  <si>
    <t>SALDOS DO EXERCÍCIO DE 2015</t>
  </si>
  <si>
    <t>AGEPREV</t>
  </si>
  <si>
    <t xml:space="preserve">               Abertura de Crédito - PDE/MS</t>
  </si>
  <si>
    <t xml:space="preserve">    Melhoria da Administração de Receitas e da Gestão Fiscal, Financeira e Patrimonial - SIGA, PROFISCO</t>
  </si>
  <si>
    <t xml:space="preserve">    Outras Operações de Crédito Não Sujeitas ao Limite - Modal, Proinveste</t>
  </si>
  <si>
    <t xml:space="preserve"> LRF, art. 48 - Anexo 6</t>
  </si>
  <si>
    <t>JANEIRO A DEZEMBRO DE 2015</t>
  </si>
  <si>
    <t xml:space="preserve"> RGF – ANEXO 5 (LRF, art. 55, Inciso III, alínea "a")</t>
  </si>
  <si>
    <t>IDENTIFICAÇÃO DOS RECURSOS</t>
  </si>
  <si>
    <t xml:space="preserve">DISPONIBILIDADE DE CAIXA BRUTA </t>
  </si>
  <si>
    <t>OBRIGAÇÕES FINANCEIRAS</t>
  </si>
  <si>
    <t>RESTOS A PAGAR EMPENHADOS E NÃO LIQUIDADOS DO EXERCÍCIO</t>
  </si>
  <si>
    <t xml:space="preserve">Restos a Pagar Liquidados e Não Pagos </t>
  </si>
  <si>
    <t>Restos a Pagar Empenhados e Não Liquidados de Exercícios Anteriores</t>
  </si>
  <si>
    <t>Demais Obrigaçãoes Fianceiras</t>
  </si>
  <si>
    <t>De Exercícios Anteriores</t>
  </si>
  <si>
    <t>Do Exercício</t>
  </si>
  <si>
    <t>(c)</t>
  </si>
  <si>
    <t>(d)</t>
  </si>
  <si>
    <t>(e)</t>
  </si>
  <si>
    <t>(f) = (a – (b + c + d + e))</t>
  </si>
  <si>
    <t>TOTAL DOS RECURSOS VINCULADOS (I)</t>
  </si>
  <si>
    <t>TOTAL DOS RECURSOS NÃO VINCULADOS (II)</t>
  </si>
  <si>
    <t>TOTAL (III) = (I + II)</t>
  </si>
  <si>
    <t>1. A disponibilidade de caixa do RPPS está comprometida com o Passivo Atuarial.</t>
  </si>
  <si>
    <r>
      <t>REGIME PRÓPRIO DE PREVIDÊNCIA DOS SERVIDORES</t>
    </r>
    <r>
      <rPr>
        <b/>
        <vertAlign val="superscript"/>
        <sz val="8"/>
        <rFont val="Verdana"/>
        <family val="2"/>
      </rPr>
      <t>1</t>
    </r>
  </si>
  <si>
    <t>02 RECURSOS DO ADICIONAL DO ICMS-FECOMP L. 3337</t>
  </si>
  <si>
    <t>03 RECURSOS PROVENIENTE DA LEI 2105/2000 - FIS</t>
  </si>
  <si>
    <t>08 SALARIO EDUCACAO/COTA-PARTE ESTADUAL SEQE</t>
  </si>
  <si>
    <t>12 CONVENIO E OUTRAS TRANSFERENCIAS FEDERAIS</t>
  </si>
  <si>
    <t>13 OPERACOES DE CREDITOS INTERNAS E EXTERNAS</t>
  </si>
  <si>
    <t>15 REC.DE ALIENACAO  BENS E DIR. ADM DIRETA</t>
  </si>
  <si>
    <t>18 TRANSFERENCIA DE RECURSOS DA CIDE</t>
  </si>
  <si>
    <t>20 RECURSOS PROVENIENTES DO FUNDEB</t>
  </si>
  <si>
    <t>41 RECURSOS ARRECADADOS PELO FUNDERSUL</t>
  </si>
  <si>
    <t>44 RECEITA DE COMPENSACAO AMBIENTAL</t>
  </si>
  <si>
    <t>45 REC DE ALIENACAO BENS DIREITOS ADM INDIRETA</t>
  </si>
  <si>
    <t>46 RECURSOS ARRECADADOS PELO FUNDEMS</t>
  </si>
  <si>
    <t>47 RECURSOS DO PLANO PREVIDENCIÁRIO</t>
  </si>
  <si>
    <t>51 OPERAÇÕES DE CRÉDITOS INTERNAS E EXTERNAS</t>
  </si>
  <si>
    <t>54 RECURSOS DA TFRM-LEI ESTADUAL N.4301</t>
  </si>
  <si>
    <t>81 CONVENIOS E OUTRAS TRANSFERENCIAS FEDERAIS</t>
  </si>
  <si>
    <t>00 RECURSOS ORDINARIOS DO TESOURO</t>
  </si>
  <si>
    <t>40 RECURSOS DIRETAMENTE ARRECADADO</t>
  </si>
  <si>
    <t>EMPENHOS NÃO LIQUIDADOS CANCELADOS</t>
  </si>
  <si>
    <t>(NÃO INSCRITOS POR INSUFICIÊNCIA FINANCEIRA)</t>
  </si>
  <si>
    <t>DEMONSTRATIVO DA DISPONIBILIDADE DE CAIXA E DOS RESTOS A PAGAR - PODER EXECUTIVO</t>
  </si>
  <si>
    <t>DEMONSTRATIVO DA DISPONIBILIDADE DE CAIXA E DOS RESTOS A PAGAR - CONSOLIDADO</t>
  </si>
  <si>
    <t xml:space="preserve">    Amparadas pelo art. 9-N da Resolução nº 2.827/01, do CMN  (BNDES ESTADOS)</t>
  </si>
  <si>
    <t>FONTE: SPF - Sistema de Planejamento e Finanças do Estado de MS e RREO Outros Poderes - AGE - Auditoria-Geral do Estado</t>
  </si>
  <si>
    <t>48 RECEITA FUNDO A FUNDDO DA SAUDE</t>
  </si>
  <si>
    <t>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3" formatCode="_-* #,##0.00_-;\-* #,##0.00_-;_-* &quot;-&quot;??_-;_-@_-"/>
    <numFmt numFmtId="164" formatCode="&quot;R$ &quot;#,##0.00_);[Red]\(&quot;R$ &quot;#,##0.00\)"/>
    <numFmt numFmtId="165" formatCode="_-* #,##0.00_-;\-* #,##0.00_-;_-* &quot;-&quot;_-;_-@_-"/>
    <numFmt numFmtId="166" formatCode="_(* #,##0.00_);_(* \(#,##0.00\);_(* &quot;-&quot;??_);_(@_)"/>
  </numFmts>
  <fonts count="10" x14ac:knownFonts="1">
    <font>
      <sz val="10"/>
      <name val="Arial"/>
    </font>
    <font>
      <sz val="10"/>
      <name val="Arial"/>
      <family val="2"/>
    </font>
    <font>
      <b/>
      <sz val="8"/>
      <name val="Verdana"/>
      <family val="2"/>
    </font>
    <font>
      <sz val="8"/>
      <name val="Verdana"/>
      <family val="2"/>
    </font>
    <font>
      <b/>
      <vertAlign val="superscript"/>
      <sz val="8"/>
      <name val="Verdana"/>
      <family val="2"/>
    </font>
    <font>
      <vertAlign val="superscript"/>
      <sz val="8"/>
      <name val="Verdana"/>
      <family val="2"/>
    </font>
    <font>
      <sz val="8"/>
      <color indexed="8"/>
      <name val="Verdana"/>
      <family val="2"/>
    </font>
    <font>
      <sz val="8"/>
      <color theme="0"/>
      <name val="Verdana"/>
      <family val="2"/>
    </font>
    <font>
      <sz val="10"/>
      <name val="Arial"/>
      <family val="2"/>
    </font>
    <font>
      <b/>
      <sz val="7"/>
      <name val="Verdana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0" fontId="1" fillId="0" borderId="0"/>
    <xf numFmtId="43" fontId="8" fillId="0" borderId="0" applyFont="0" applyFill="0" applyBorder="0" applyAlignment="0" applyProtection="0"/>
  </cellStyleXfs>
  <cellXfs count="349">
    <xf numFmtId="0" fontId="0" fillId="0" borderId="0" xfId="0"/>
    <xf numFmtId="0" fontId="2" fillId="2" borderId="3" xfId="1" applyNumberFormat="1" applyFont="1" applyFill="1" applyBorder="1" applyAlignment="1">
      <alignment horizontal="center" vertical="center"/>
    </xf>
    <xf numFmtId="0" fontId="3" fillId="0" borderId="0" xfId="0" applyNumberFormat="1" applyFont="1" applyFill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Fill="1" applyAlignment="1">
      <alignment vertical="center"/>
    </xf>
    <xf numFmtId="0" fontId="3" fillId="0" borderId="0" xfId="0" applyNumberFormat="1" applyFont="1" applyFill="1" applyAlignment="1">
      <alignment vertical="center"/>
    </xf>
    <xf numFmtId="164" fontId="3" fillId="0" borderId="0" xfId="0" applyNumberFormat="1" applyFont="1" applyFill="1" applyAlignment="1">
      <alignment horizontal="right" vertical="center"/>
    </xf>
    <xf numFmtId="166" fontId="3" fillId="0" borderId="0" xfId="2" applyNumberFormat="1" applyFont="1" applyFill="1" applyBorder="1" applyAlignment="1">
      <alignment vertical="center"/>
    </xf>
    <xf numFmtId="0" fontId="2" fillId="0" borderId="0" xfId="0" applyFont="1" applyFill="1" applyAlignment="1">
      <alignment vertical="center"/>
    </xf>
    <xf numFmtId="0" fontId="3" fillId="0" borderId="6" xfId="0" applyNumberFormat="1" applyFont="1" applyFill="1" applyBorder="1" applyAlignment="1">
      <alignment vertical="center"/>
    </xf>
    <xf numFmtId="166" fontId="2" fillId="0" borderId="5" xfId="2" applyNumberFormat="1" applyFont="1" applyFill="1" applyBorder="1" applyAlignment="1">
      <alignment vertical="center"/>
    </xf>
    <xf numFmtId="37" fontId="3" fillId="0" borderId="0" xfId="0" applyNumberFormat="1" applyFont="1" applyFill="1" applyAlignment="1">
      <alignment vertical="center"/>
    </xf>
    <xf numFmtId="166" fontId="2" fillId="0" borderId="0" xfId="2" applyNumberFormat="1" applyFont="1" applyFill="1" applyAlignment="1">
      <alignment vertical="center"/>
    </xf>
    <xf numFmtId="166" fontId="3" fillId="0" borderId="0" xfId="2" applyNumberFormat="1" applyFont="1" applyAlignment="1">
      <alignment vertical="center"/>
    </xf>
    <xf numFmtId="3" fontId="3" fillId="0" borderId="0" xfId="0" applyNumberFormat="1" applyFont="1" applyAlignment="1">
      <alignment vertical="center"/>
    </xf>
    <xf numFmtId="166" fontId="3" fillId="0" borderId="0" xfId="2" applyNumberFormat="1" applyFont="1" applyFill="1" applyAlignment="1">
      <alignment vertical="center"/>
    </xf>
    <xf numFmtId="0" fontId="3" fillId="0" borderId="0" xfId="0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14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2" fillId="0" borderId="0" xfId="0" applyNumberFormat="1" applyFont="1" applyFill="1" applyAlignment="1">
      <alignment vertical="center"/>
    </xf>
    <xf numFmtId="49" fontId="3" fillId="0" borderId="0" xfId="0" applyNumberFormat="1" applyFont="1" applyFill="1" applyAlignment="1">
      <alignment vertical="center"/>
    </xf>
    <xf numFmtId="3" fontId="3" fillId="0" borderId="0" xfId="0" applyNumberFormat="1" applyFont="1" applyFill="1" applyAlignment="1">
      <alignment vertical="center"/>
    </xf>
    <xf numFmtId="0" fontId="2" fillId="0" borderId="0" xfId="0" applyFont="1" applyFill="1" applyBorder="1" applyAlignment="1">
      <alignment vertical="center"/>
    </xf>
    <xf numFmtId="0" fontId="3" fillId="0" borderId="0" xfId="0" applyFont="1" applyFill="1" applyAlignment="1">
      <alignment horizontal="left" vertical="center"/>
    </xf>
    <xf numFmtId="0" fontId="2" fillId="2" borderId="4" xfId="0" applyFont="1" applyFill="1" applyBorder="1" applyAlignment="1">
      <alignment vertical="center"/>
    </xf>
    <xf numFmtId="0" fontId="2" fillId="0" borderId="6" xfId="0" applyFont="1" applyFill="1" applyBorder="1" applyAlignment="1">
      <alignment vertical="center"/>
    </xf>
    <xf numFmtId="37" fontId="2" fillId="0" borderId="6" xfId="0" applyNumberFormat="1" applyFont="1" applyFill="1" applyBorder="1" applyAlignment="1">
      <alignment vertical="center"/>
    </xf>
    <xf numFmtId="37" fontId="2" fillId="2" borderId="6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/>
    </xf>
    <xf numFmtId="0" fontId="7" fillId="0" borderId="6" xfId="0" applyFont="1" applyFill="1" applyBorder="1" applyAlignment="1">
      <alignment vertical="center"/>
    </xf>
    <xf numFmtId="0" fontId="7" fillId="0" borderId="6" xfId="0" applyNumberFormat="1" applyFont="1" applyFill="1" applyBorder="1" applyAlignment="1">
      <alignment vertical="center"/>
    </xf>
    <xf numFmtId="0" fontId="7" fillId="0" borderId="0" xfId="0" applyNumberFormat="1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0" fontId="2" fillId="0" borderId="0" xfId="0" applyFont="1" applyFill="1" applyBorder="1" applyAlignment="1">
      <alignment horizontal="justify" vertical="center" wrapText="1"/>
    </xf>
    <xf numFmtId="0" fontId="2" fillId="0" borderId="9" xfId="0" applyFont="1" applyFill="1" applyBorder="1" applyAlignment="1">
      <alignment horizontal="justify" vertical="center" wrapText="1"/>
    </xf>
    <xf numFmtId="0" fontId="3" fillId="0" borderId="3" xfId="0" applyNumberFormat="1" applyFont="1" applyFill="1" applyBorder="1" applyAlignment="1">
      <alignment vertical="center"/>
    </xf>
    <xf numFmtId="0" fontId="3" fillId="0" borderId="15" xfId="0" applyFont="1" applyFill="1" applyBorder="1" applyAlignment="1">
      <alignment horizontal="justify" vertical="center" wrapText="1"/>
    </xf>
    <xf numFmtId="0" fontId="3" fillId="0" borderId="2" xfId="0" applyFont="1" applyFill="1" applyBorder="1" applyAlignment="1">
      <alignment horizontal="justify" vertical="center" wrapText="1"/>
    </xf>
    <xf numFmtId="0" fontId="3" fillId="0" borderId="9" xfId="0" applyFont="1" applyFill="1" applyBorder="1" applyAlignment="1">
      <alignment horizontal="justify" vertical="center" wrapText="1"/>
    </xf>
    <xf numFmtId="0" fontId="3" fillId="0" borderId="3" xfId="0" applyFont="1" applyFill="1" applyBorder="1" applyAlignment="1">
      <alignment horizontal="justify" vertical="center" wrapText="1"/>
    </xf>
    <xf numFmtId="49" fontId="3" fillId="0" borderId="3" xfId="0" applyNumberFormat="1" applyFont="1" applyFill="1" applyBorder="1" applyAlignment="1">
      <alignment vertical="center"/>
    </xf>
    <xf numFmtId="49" fontId="2" fillId="0" borderId="0" xfId="0" applyNumberFormat="1" applyFont="1" applyFill="1" applyBorder="1" applyAlignment="1">
      <alignment horizontal="center" vertical="center"/>
    </xf>
    <xf numFmtId="49" fontId="3" fillId="0" borderId="8" xfId="0" applyNumberFormat="1" applyFont="1" applyFill="1" applyBorder="1" applyAlignment="1">
      <alignment vertical="center"/>
    </xf>
    <xf numFmtId="49" fontId="2" fillId="0" borderId="10" xfId="0" applyNumberFormat="1" applyFont="1" applyFill="1" applyBorder="1" applyAlignment="1">
      <alignment horizontal="center" vertical="center"/>
    </xf>
    <xf numFmtId="49" fontId="9" fillId="0" borderId="10" xfId="0" applyNumberFormat="1" applyFont="1" applyFill="1" applyBorder="1" applyAlignment="1">
      <alignment horizontal="center" vertical="center"/>
    </xf>
    <xf numFmtId="49" fontId="2" fillId="0" borderId="5" xfId="0" applyNumberFormat="1" applyFont="1" applyFill="1" applyBorder="1" applyAlignment="1">
      <alignment horizontal="center" vertical="center"/>
    </xf>
    <xf numFmtId="49" fontId="3" fillId="0" borderId="6" xfId="0" applyNumberFormat="1" applyFont="1" applyFill="1" applyBorder="1" applyAlignment="1">
      <alignment vertical="center"/>
    </xf>
    <xf numFmtId="10" fontId="3" fillId="0" borderId="10" xfId="0" applyNumberFormat="1" applyFont="1" applyFill="1" applyBorder="1" applyAlignment="1">
      <alignment vertical="center"/>
    </xf>
    <xf numFmtId="10" fontId="3" fillId="0" borderId="5" xfId="0" applyNumberFormat="1" applyFont="1" applyFill="1" applyBorder="1" applyAlignment="1">
      <alignment vertical="center"/>
    </xf>
    <xf numFmtId="49" fontId="2" fillId="0" borderId="3" xfId="0" applyNumberFormat="1" applyFont="1" applyFill="1" applyBorder="1" applyAlignment="1">
      <alignment vertical="center"/>
    </xf>
    <xf numFmtId="49" fontId="2" fillId="0" borderId="8" xfId="0" applyNumberFormat="1" applyFont="1" applyFill="1" applyBorder="1" applyAlignment="1">
      <alignment vertical="center"/>
    </xf>
    <xf numFmtId="10" fontId="3" fillId="0" borderId="3" xfId="0" applyNumberFormat="1" applyFont="1" applyFill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49" fontId="3" fillId="0" borderId="0" xfId="0" applyNumberFormat="1" applyFont="1" applyFill="1" applyBorder="1" applyAlignment="1">
      <alignment vertical="center"/>
    </xf>
    <xf numFmtId="10" fontId="3" fillId="0" borderId="0" xfId="0" applyNumberFormat="1" applyFont="1" applyFill="1" applyBorder="1" applyAlignment="1">
      <alignment vertical="center"/>
    </xf>
    <xf numFmtId="0" fontId="2" fillId="0" borderId="0" xfId="1" applyNumberFormat="1" applyFont="1" applyFill="1" applyAlignment="1">
      <alignment vertical="center"/>
    </xf>
    <xf numFmtId="0" fontId="3" fillId="0" borderId="0" xfId="1" applyNumberFormat="1" applyFont="1" applyFill="1" applyAlignment="1">
      <alignment vertical="center"/>
    </xf>
    <xf numFmtId="0" fontId="3" fillId="0" borderId="0" xfId="1" applyFont="1" applyAlignment="1">
      <alignment vertical="center"/>
    </xf>
    <xf numFmtId="0" fontId="2" fillId="2" borderId="0" xfId="1" applyNumberFormat="1" applyFont="1" applyFill="1" applyBorder="1" applyAlignment="1">
      <alignment horizontal="center" vertical="center" wrapText="1"/>
    </xf>
    <xf numFmtId="0" fontId="2" fillId="2" borderId="8" xfId="1" applyNumberFormat="1" applyFont="1" applyFill="1" applyBorder="1" applyAlignment="1">
      <alignment horizontal="center" vertical="center" wrapText="1"/>
    </xf>
    <xf numFmtId="0" fontId="2" fillId="0" borderId="0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vertical="center"/>
    </xf>
    <xf numFmtId="165" fontId="2" fillId="0" borderId="11" xfId="1" applyNumberFormat="1" applyFont="1" applyFill="1" applyBorder="1" applyAlignment="1">
      <alignment vertical="center"/>
    </xf>
    <xf numFmtId="165" fontId="2" fillId="0" borderId="14" xfId="1" applyNumberFormat="1" applyFont="1" applyFill="1" applyBorder="1" applyAlignment="1">
      <alignment vertical="center"/>
    </xf>
    <xf numFmtId="0" fontId="3" fillId="0" borderId="0" xfId="1" applyFont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/>
    </xf>
    <xf numFmtId="165" fontId="3" fillId="0" borderId="12" xfId="1" applyNumberFormat="1" applyFont="1" applyFill="1" applyBorder="1" applyAlignment="1">
      <alignment vertical="center"/>
    </xf>
    <xf numFmtId="165" fontId="3" fillId="0" borderId="0" xfId="1" applyNumberFormat="1" applyFont="1" applyFill="1" applyAlignment="1">
      <alignment vertical="center"/>
    </xf>
    <xf numFmtId="165" fontId="2" fillId="0" borderId="1" xfId="1" applyNumberFormat="1" applyFont="1" applyFill="1" applyBorder="1" applyAlignment="1">
      <alignment vertical="center"/>
    </xf>
    <xf numFmtId="0" fontId="3" fillId="0" borderId="0" xfId="1" applyFont="1" applyFill="1" applyAlignment="1">
      <alignment vertical="center"/>
    </xf>
    <xf numFmtId="165" fontId="3" fillId="0" borderId="0" xfId="1" applyNumberFormat="1" applyFont="1" applyFill="1" applyBorder="1" applyAlignment="1">
      <alignment vertical="center"/>
    </xf>
    <xf numFmtId="0" fontId="3" fillId="0" borderId="8" xfId="1" applyNumberFormat="1" applyFont="1" applyFill="1" applyBorder="1" applyAlignment="1">
      <alignment horizontal="left" vertical="center"/>
    </xf>
    <xf numFmtId="0" fontId="3" fillId="0" borderId="8" xfId="1" applyNumberFormat="1" applyFont="1" applyFill="1" applyBorder="1" applyAlignment="1">
      <alignment vertical="center"/>
    </xf>
    <xf numFmtId="165" fontId="3" fillId="0" borderId="13" xfId="1" applyNumberFormat="1" applyFont="1" applyFill="1" applyBorder="1" applyAlignment="1">
      <alignment vertical="center"/>
    </xf>
    <xf numFmtId="165" fontId="3" fillId="0" borderId="8" xfId="1" applyNumberFormat="1" applyFont="1" applyFill="1" applyBorder="1" applyAlignment="1">
      <alignment vertical="center"/>
    </xf>
    <xf numFmtId="0" fontId="3" fillId="0" borderId="6" xfId="1" applyNumberFormat="1" applyFont="1" applyFill="1" applyBorder="1" applyAlignment="1">
      <alignment vertical="center"/>
    </xf>
    <xf numFmtId="0" fontId="3" fillId="0" borderId="6" xfId="1" applyNumberFormat="1" applyFont="1" applyFill="1" applyBorder="1" applyAlignment="1">
      <alignment horizontal="center" vertical="center"/>
    </xf>
    <xf numFmtId="0" fontId="2" fillId="2" borderId="5" xfId="1" applyNumberFormat="1" applyFont="1" applyFill="1" applyBorder="1" applyAlignment="1">
      <alignment horizontal="center"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6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horizontal="right" vertical="center"/>
    </xf>
    <xf numFmtId="0" fontId="2" fillId="2" borderId="6" xfId="1" applyNumberFormat="1" applyFont="1" applyFill="1" applyBorder="1" applyAlignment="1">
      <alignment vertical="center"/>
    </xf>
    <xf numFmtId="0" fontId="2" fillId="2" borderId="6" xfId="1" applyNumberFormat="1" applyFont="1" applyFill="1" applyBorder="1" applyAlignment="1">
      <alignment horizontal="center" vertical="center"/>
    </xf>
    <xf numFmtId="43" fontId="2" fillId="2" borderId="5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vertical="center"/>
    </xf>
    <xf numFmtId="4" fontId="2" fillId="0" borderId="5" xfId="1" applyNumberFormat="1" applyFont="1" applyFill="1" applyBorder="1" applyAlignment="1">
      <alignment vertical="center"/>
    </xf>
    <xf numFmtId="0" fontId="3" fillId="0" borderId="3" xfId="1" applyNumberFormat="1" applyFont="1" applyFill="1" applyBorder="1" applyAlignment="1">
      <alignment vertical="center"/>
    </xf>
    <xf numFmtId="22" fontId="3" fillId="0" borderId="3" xfId="1" applyNumberFormat="1" applyFont="1" applyFill="1" applyBorder="1" applyAlignment="1">
      <alignment vertical="center"/>
    </xf>
    <xf numFmtId="0" fontId="3" fillId="0" borderId="0" xfId="0" applyNumberFormat="1" applyFont="1" applyFill="1" applyAlignment="1">
      <alignment horizontal="center" vertical="center"/>
    </xf>
    <xf numFmtId="0" fontId="3" fillId="0" borderId="5" xfId="0" applyNumberFormat="1" applyFont="1" applyFill="1" applyBorder="1" applyAlignment="1">
      <alignment vertical="center"/>
    </xf>
    <xf numFmtId="0" fontId="2" fillId="2" borderId="4" xfId="0" applyNumberFormat="1" applyFont="1" applyFill="1" applyBorder="1" applyAlignment="1">
      <alignment horizontal="center" vertical="center"/>
    </xf>
    <xf numFmtId="0" fontId="2" fillId="2" borderId="5" xfId="0" applyNumberFormat="1" applyFont="1" applyFill="1" applyBorder="1" applyAlignment="1">
      <alignment horizontal="center" vertical="center"/>
    </xf>
    <xf numFmtId="0" fontId="3" fillId="0" borderId="2" xfId="0" applyNumberFormat="1" applyFont="1" applyFill="1" applyBorder="1" applyAlignment="1">
      <alignment vertical="center"/>
    </xf>
    <xf numFmtId="43" fontId="3" fillId="0" borderId="1" xfId="0" applyNumberFormat="1" applyFont="1" applyFill="1" applyBorder="1" applyAlignment="1">
      <alignment vertical="center"/>
    </xf>
    <xf numFmtId="2" fontId="3" fillId="0" borderId="1" xfId="0" applyNumberFormat="1" applyFont="1" applyFill="1" applyBorder="1" applyAlignment="1">
      <alignment vertical="center"/>
    </xf>
    <xf numFmtId="0" fontId="3" fillId="0" borderId="9" xfId="0" applyNumberFormat="1" applyFont="1" applyFill="1" applyBorder="1" applyAlignment="1">
      <alignment vertical="center"/>
    </xf>
    <xf numFmtId="43" fontId="3" fillId="0" borderId="7" xfId="0" applyNumberFormat="1" applyFont="1" applyFill="1" applyBorder="1" applyAlignment="1">
      <alignment vertical="center"/>
    </xf>
    <xf numFmtId="2" fontId="3" fillId="0" borderId="7" xfId="0" applyNumberFormat="1" applyFont="1" applyFill="1" applyBorder="1" applyAlignment="1">
      <alignment vertical="center"/>
    </xf>
    <xf numFmtId="0" fontId="3" fillId="0" borderId="2" xfId="0" applyFont="1" applyBorder="1" applyAlignment="1">
      <alignment horizontal="left" vertical="center" wrapText="1"/>
    </xf>
    <xf numFmtId="37" fontId="3" fillId="0" borderId="0" xfId="0" applyNumberFormat="1" applyFont="1" applyFill="1" applyBorder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left" vertical="center"/>
    </xf>
    <xf numFmtId="0" fontId="3" fillId="0" borderId="0" xfId="0" applyFont="1" applyFill="1" applyAlignment="1">
      <alignment horizontal="right" vertical="center"/>
    </xf>
    <xf numFmtId="0" fontId="2" fillId="2" borderId="7" xfId="0" applyFont="1" applyFill="1" applyBorder="1" applyAlignment="1">
      <alignment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3" fillId="0" borderId="15" xfId="0" applyFont="1" applyBorder="1" applyAlignment="1">
      <alignment horizontal="left" vertical="center" wrapText="1"/>
    </xf>
    <xf numFmtId="0" fontId="3" fillId="0" borderId="8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 wrapText="1"/>
    </xf>
    <xf numFmtId="43" fontId="2" fillId="0" borderId="5" xfId="0" applyNumberFormat="1" applyFont="1" applyFill="1" applyBorder="1" applyAlignment="1">
      <alignment vertical="center"/>
    </xf>
    <xf numFmtId="0" fontId="2" fillId="0" borderId="6" xfId="0" applyFont="1" applyBorder="1" applyAlignment="1">
      <alignment horizontal="left" vertical="center" wrapText="1"/>
    </xf>
    <xf numFmtId="2" fontId="2" fillId="0" borderId="5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 wrapText="1"/>
    </xf>
    <xf numFmtId="0" fontId="3" fillId="0" borderId="6" xfId="0" applyFont="1" applyBorder="1" applyAlignment="1">
      <alignment vertical="center" wrapText="1"/>
    </xf>
    <xf numFmtId="43" fontId="3" fillId="0" borderId="6" xfId="0" applyNumberFormat="1" applyFont="1" applyFill="1" applyBorder="1" applyAlignment="1">
      <alignment vertical="center"/>
    </xf>
    <xf numFmtId="0" fontId="5" fillId="0" borderId="0" xfId="0" applyFont="1" applyAlignment="1">
      <alignment horizontal="left" vertical="center" wrapText="1"/>
    </xf>
    <xf numFmtId="43" fontId="2" fillId="0" borderId="14" xfId="0" applyNumberFormat="1" applyFont="1" applyFill="1" applyBorder="1" applyAlignment="1">
      <alignment vertical="center"/>
    </xf>
    <xf numFmtId="0" fontId="6" fillId="0" borderId="2" xfId="0" applyFont="1" applyFill="1" applyBorder="1" applyAlignment="1">
      <alignment horizontal="justify" vertical="center" wrapText="1"/>
    </xf>
    <xf numFmtId="43" fontId="2" fillId="0" borderId="1" xfId="0" applyNumberFormat="1" applyFont="1" applyFill="1" applyBorder="1" applyAlignment="1">
      <alignment vertical="center"/>
    </xf>
    <xf numFmtId="43" fontId="2" fillId="2" borderId="5" xfId="0" applyNumberFormat="1" applyFont="1" applyFill="1" applyBorder="1" applyAlignment="1">
      <alignment vertical="center"/>
    </xf>
    <xf numFmtId="0" fontId="2" fillId="0" borderId="4" xfId="0" applyFont="1" applyFill="1" applyBorder="1" applyAlignment="1">
      <alignment vertical="center"/>
    </xf>
    <xf numFmtId="43" fontId="2" fillId="0" borderId="7" xfId="0" applyNumberFormat="1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37" fontId="3" fillId="0" borderId="6" xfId="0" applyNumberFormat="1" applyFont="1" applyFill="1" applyBorder="1" applyAlignment="1">
      <alignment vertical="center"/>
    </xf>
    <xf numFmtId="165" fontId="2" fillId="0" borderId="12" xfId="1" applyNumberFormat="1" applyFont="1" applyFill="1" applyBorder="1" applyAlignment="1">
      <alignment vertical="center"/>
    </xf>
    <xf numFmtId="165" fontId="3" fillId="0" borderId="6" xfId="1" applyNumberFormat="1" applyFont="1" applyFill="1" applyBorder="1" applyAlignment="1">
      <alignment horizontal="center" vertical="center"/>
    </xf>
    <xf numFmtId="165" fontId="2" fillId="2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vertical="center"/>
    </xf>
    <xf numFmtId="0" fontId="2" fillId="2" borderId="8" xfId="1" applyNumberFormat="1" applyFont="1" applyFill="1" applyBorder="1" applyAlignment="1">
      <alignment vertical="center"/>
    </xf>
    <xf numFmtId="165" fontId="2" fillId="2" borderId="13" xfId="1" applyNumberFormat="1" applyFont="1" applyFill="1" applyBorder="1" applyAlignment="1">
      <alignment vertical="center"/>
    </xf>
    <xf numFmtId="165" fontId="2" fillId="2" borderId="7" xfId="1" applyNumberFormat="1" applyFont="1" applyFill="1" applyBorder="1" applyAlignment="1">
      <alignment vertical="center"/>
    </xf>
    <xf numFmtId="43" fontId="2" fillId="2" borderId="7" xfId="0" applyNumberFormat="1" applyFont="1" applyFill="1" applyBorder="1" applyAlignment="1">
      <alignment horizontal="right" vertical="center"/>
    </xf>
    <xf numFmtId="0" fontId="2" fillId="0" borderId="4" xfId="0" applyNumberFormat="1" applyFont="1" applyFill="1" applyBorder="1" applyAlignment="1">
      <alignment vertical="center"/>
    </xf>
    <xf numFmtId="0" fontId="3" fillId="0" borderId="3" xfId="0" applyFont="1" applyBorder="1" applyAlignment="1">
      <alignment vertical="center" wrapText="1"/>
    </xf>
    <xf numFmtId="0" fontId="3" fillId="0" borderId="3" xfId="0" applyFont="1" applyBorder="1" applyAlignment="1">
      <alignment vertical="center"/>
    </xf>
    <xf numFmtId="22" fontId="3" fillId="0" borderId="3" xfId="1" applyNumberFormat="1" applyFont="1" applyFill="1" applyBorder="1" applyAlignment="1">
      <alignment horizontal="right" vertical="center"/>
    </xf>
    <xf numFmtId="43" fontId="7" fillId="0" borderId="6" xfId="0" applyNumberFormat="1" applyFont="1" applyFill="1" applyBorder="1" applyAlignment="1">
      <alignment vertical="center"/>
    </xf>
    <xf numFmtId="43" fontId="3" fillId="0" borderId="0" xfId="1" applyNumberFormat="1" applyFont="1" applyAlignment="1">
      <alignment vertical="center"/>
    </xf>
    <xf numFmtId="2" fontId="2" fillId="2" borderId="5" xfId="1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vertical="center"/>
    </xf>
    <xf numFmtId="0" fontId="2" fillId="0" borderId="6" xfId="1" applyNumberFormat="1" applyFont="1" applyFill="1" applyBorder="1" applyAlignment="1">
      <alignment vertical="center"/>
    </xf>
    <xf numFmtId="0" fontId="2" fillId="2" borderId="6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justify" vertical="center" wrapText="1"/>
    </xf>
    <xf numFmtId="0" fontId="2" fillId="0" borderId="6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0" xfId="0" applyNumberFormat="1" applyFont="1" applyFill="1" applyBorder="1" applyAlignment="1">
      <alignment vertical="center"/>
    </xf>
    <xf numFmtId="0" fontId="3" fillId="0" borderId="0" xfId="0" applyFont="1" applyFill="1" applyBorder="1" applyAlignment="1"/>
    <xf numFmtId="0" fontId="3" fillId="0" borderId="0" xfId="0" applyFont="1" applyBorder="1" applyAlignment="1">
      <alignment vertical="center"/>
    </xf>
    <xf numFmtId="0" fontId="3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left" vertical="center"/>
    </xf>
    <xf numFmtId="166" fontId="2" fillId="2" borderId="5" xfId="2" applyNumberFormat="1" applyFont="1" applyFill="1" applyBorder="1" applyAlignment="1">
      <alignment vertical="center"/>
    </xf>
    <xf numFmtId="166" fontId="2" fillId="0" borderId="0" xfId="0" applyNumberFormat="1" applyFont="1" applyFill="1" applyBorder="1" applyAlignment="1">
      <alignment vertical="center"/>
    </xf>
    <xf numFmtId="166" fontId="3" fillId="0" borderId="0" xfId="0" applyNumberFormat="1" applyFont="1" applyFill="1" applyBorder="1" applyAlignment="1">
      <alignment vertical="center"/>
    </xf>
    <xf numFmtId="43" fontId="3" fillId="0" borderId="10" xfId="0" applyNumberFormat="1" applyFont="1" applyFill="1" applyBorder="1" applyAlignment="1">
      <alignment vertical="center"/>
    </xf>
    <xf numFmtId="0" fontId="3" fillId="0" borderId="2" xfId="0" applyFont="1" applyBorder="1" applyAlignment="1">
      <alignment horizontal="left" vertical="center" wrapText="1"/>
    </xf>
    <xf numFmtId="0" fontId="2" fillId="2" borderId="4" xfId="0" applyFont="1" applyFill="1" applyBorder="1" applyAlignment="1">
      <alignment horizontal="left" vertical="center" wrapText="1"/>
    </xf>
    <xf numFmtId="0" fontId="2" fillId="2" borderId="4" xfId="0" applyFont="1" applyFill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2" fillId="2" borderId="11" xfId="0" applyFont="1" applyFill="1" applyBorder="1" applyAlignment="1">
      <alignment horizontal="center" vertical="center" wrapText="1"/>
    </xf>
    <xf numFmtId="0" fontId="2" fillId="2" borderId="13" xfId="0" applyFont="1" applyFill="1" applyBorder="1" applyAlignment="1">
      <alignment horizontal="center" vertical="center" wrapText="1"/>
    </xf>
    <xf numFmtId="0" fontId="2" fillId="2" borderId="13" xfId="0" applyFont="1" applyFill="1" applyBorder="1" applyAlignment="1">
      <alignment horizontal="center" vertical="center" wrapText="1"/>
    </xf>
    <xf numFmtId="0" fontId="3" fillId="0" borderId="15" xfId="0" applyFont="1" applyBorder="1" applyAlignment="1">
      <alignment horizontal="left" vertical="center"/>
    </xf>
    <xf numFmtId="0" fontId="2" fillId="0" borderId="0" xfId="0" applyFont="1" applyFill="1" applyBorder="1" applyAlignment="1">
      <alignment horizontal="center" vertical="center" wrapText="1"/>
    </xf>
    <xf numFmtId="0" fontId="3" fillId="0" borderId="2" xfId="0" applyFont="1" applyBorder="1" applyAlignment="1">
      <alignment horizontal="left" vertical="center"/>
    </xf>
    <xf numFmtId="0" fontId="3" fillId="0" borderId="9" xfId="0" applyFont="1" applyBorder="1" applyAlignment="1">
      <alignment horizontal="left" vertical="center"/>
    </xf>
    <xf numFmtId="0" fontId="2" fillId="0" borderId="9" xfId="0" applyFont="1" applyFill="1" applyBorder="1" applyAlignment="1">
      <alignment horizontal="left" vertical="center" wrapText="1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2" xfId="0" applyFont="1" applyFill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/>
    </xf>
    <xf numFmtId="0" fontId="3" fillId="0" borderId="0" xfId="0" applyFont="1" applyAlignment="1">
      <alignment horizontal="left" vertical="center"/>
    </xf>
    <xf numFmtId="0" fontId="2" fillId="2" borderId="4" xfId="0" applyFont="1" applyFill="1" applyBorder="1" applyAlignment="1">
      <alignment horizontal="left" vertical="center"/>
    </xf>
    <xf numFmtId="0" fontId="2" fillId="2" borderId="9" xfId="0" applyFont="1" applyFill="1" applyBorder="1" applyAlignment="1">
      <alignment horizontal="left" vertical="center"/>
    </xf>
    <xf numFmtId="37" fontId="3" fillId="0" borderId="0" xfId="0" applyNumberFormat="1" applyFont="1" applyFill="1" applyBorder="1" applyAlignment="1">
      <alignment horizontal="right" vertical="center"/>
    </xf>
    <xf numFmtId="0" fontId="2" fillId="0" borderId="0" xfId="0" applyFont="1" applyAlignment="1">
      <alignment vertical="center"/>
    </xf>
    <xf numFmtId="0" fontId="2" fillId="0" borderId="0" xfId="0" applyFont="1" applyFill="1" applyBorder="1" applyAlignment="1">
      <alignment horizontal="center" vertical="center"/>
    </xf>
    <xf numFmtId="0" fontId="2" fillId="2" borderId="13" xfId="0" applyFont="1" applyFill="1" applyBorder="1" applyAlignment="1">
      <alignment horizontal="center" vertical="center"/>
    </xf>
    <xf numFmtId="0" fontId="2" fillId="0" borderId="15" xfId="0" applyFont="1" applyFill="1" applyBorder="1" applyAlignment="1">
      <alignment horizontal="left" vertical="center"/>
    </xf>
    <xf numFmtId="166" fontId="2" fillId="0" borderId="7" xfId="0" applyNumberFormat="1" applyFont="1" applyFill="1" applyBorder="1" applyAlignment="1">
      <alignment vertical="center"/>
    </xf>
    <xf numFmtId="164" fontId="3" fillId="0" borderId="0" xfId="1" applyNumberFormat="1" applyFont="1" applyFill="1" applyAlignment="1">
      <alignment horizontal="right" vertical="center"/>
    </xf>
    <xf numFmtId="0" fontId="3" fillId="0" borderId="0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165" fontId="3" fillId="0" borderId="1" xfId="1" applyNumberFormat="1" applyFont="1" applyFill="1" applyBorder="1" applyAlignment="1">
      <alignment vertical="center"/>
    </xf>
    <xf numFmtId="43" fontId="3" fillId="0" borderId="1" xfId="0" applyNumberFormat="1" applyFont="1" applyFill="1" applyBorder="1" applyAlignment="1">
      <alignment horizontal="right" vertical="center"/>
    </xf>
    <xf numFmtId="43" fontId="3" fillId="0" borderId="7" xfId="0" applyNumberFormat="1" applyFont="1" applyFill="1" applyBorder="1" applyAlignment="1">
      <alignment horizontal="right" vertical="center"/>
    </xf>
    <xf numFmtId="0" fontId="3" fillId="0" borderId="2" xfId="0" applyFont="1" applyBorder="1" applyAlignment="1">
      <alignment horizontal="left" vertical="center" wrapText="1"/>
    </xf>
    <xf numFmtId="43" fontId="3" fillId="0" borderId="14" xfId="0" applyNumberFormat="1" applyFont="1" applyBorder="1" applyAlignment="1">
      <alignment horizontal="right" vertical="center"/>
    </xf>
    <xf numFmtId="43" fontId="2" fillId="0" borderId="14" xfId="0" applyNumberFormat="1" applyFont="1" applyBorder="1" applyAlignment="1">
      <alignment horizontal="right" vertical="center"/>
    </xf>
    <xf numFmtId="43" fontId="3" fillId="0" borderId="1" xfId="0" applyNumberFormat="1" applyFont="1" applyBorder="1" applyAlignment="1">
      <alignment horizontal="right" vertical="center"/>
    </xf>
    <xf numFmtId="166" fontId="3" fillId="0" borderId="1" xfId="0" applyNumberFormat="1" applyFont="1" applyBorder="1" applyAlignment="1">
      <alignment horizontal="right" vertical="center"/>
    </xf>
    <xf numFmtId="43" fontId="3" fillId="0" borderId="7" xfId="0" applyNumberFormat="1" applyFont="1" applyBorder="1" applyAlignment="1">
      <alignment horizontal="right" vertical="center"/>
    </xf>
    <xf numFmtId="43" fontId="2" fillId="0" borderId="11" xfId="0" applyNumberFormat="1" applyFont="1" applyBorder="1" applyAlignment="1">
      <alignment horizontal="right" vertical="center"/>
    </xf>
    <xf numFmtId="43" fontId="3" fillId="0" borderId="12" xfId="0" applyNumberFormat="1" applyFont="1" applyBorder="1" applyAlignment="1">
      <alignment horizontal="right" vertical="center"/>
    </xf>
    <xf numFmtId="43" fontId="3" fillId="0" borderId="13" xfId="0" applyNumberFormat="1" applyFont="1" applyBorder="1" applyAlignment="1">
      <alignment horizontal="right" vertical="center"/>
    </xf>
    <xf numFmtId="43" fontId="2" fillId="0" borderId="10" xfId="0" applyNumberFormat="1" applyFont="1" applyBorder="1" applyAlignment="1">
      <alignment vertical="center"/>
    </xf>
    <xf numFmtId="40" fontId="2" fillId="0" borderId="10" xfId="0" applyNumberFormat="1" applyFont="1" applyFill="1" applyBorder="1" applyAlignment="1">
      <alignment horizontal="right" vertical="center"/>
    </xf>
    <xf numFmtId="43" fontId="3" fillId="0" borderId="6" xfId="0" applyNumberFormat="1" applyFont="1" applyBorder="1" applyAlignment="1">
      <alignment vertical="center"/>
    </xf>
    <xf numFmtId="43" fontId="2" fillId="2" borderId="13" xfId="0" applyNumberFormat="1" applyFont="1" applyFill="1" applyBorder="1" applyAlignment="1">
      <alignment horizontal="right" vertical="center"/>
    </xf>
    <xf numFmtId="166" fontId="2" fillId="2" borderId="10" xfId="0" applyNumberFormat="1" applyFont="1" applyFill="1" applyBorder="1" applyAlignment="1">
      <alignment vertical="center"/>
    </xf>
    <xf numFmtId="166" fontId="2" fillId="2" borderId="5" xfId="0" applyNumberFormat="1" applyFont="1" applyFill="1" applyBorder="1" applyAlignment="1">
      <alignment vertical="center"/>
    </xf>
    <xf numFmtId="166" fontId="2" fillId="0" borderId="12" xfId="0" applyNumberFormat="1" applyFont="1" applyFill="1" applyBorder="1" applyAlignment="1">
      <alignment vertical="center"/>
    </xf>
    <xf numFmtId="166" fontId="2" fillId="0" borderId="1" xfId="0" applyNumberFormat="1" applyFont="1" applyFill="1" applyBorder="1" applyAlignment="1">
      <alignment vertical="center"/>
    </xf>
    <xf numFmtId="166" fontId="3" fillId="0" borderId="12" xfId="0" applyNumberFormat="1" applyFont="1" applyFill="1" applyBorder="1" applyAlignment="1">
      <alignment vertical="center"/>
    </xf>
    <xf numFmtId="166" fontId="3" fillId="0" borderId="1" xfId="0" applyNumberFormat="1" applyFont="1" applyFill="1" applyBorder="1" applyAlignment="1">
      <alignment vertical="center"/>
    </xf>
    <xf numFmtId="166" fontId="2" fillId="2" borderId="10" xfId="2" applyNumberFormat="1" applyFont="1" applyFill="1" applyBorder="1" applyAlignment="1">
      <alignment vertical="center"/>
    </xf>
    <xf numFmtId="166" fontId="3" fillId="0" borderId="15" xfId="0" applyNumberFormat="1" applyFont="1" applyFill="1" applyBorder="1" applyAlignment="1">
      <alignment vertical="center"/>
    </xf>
    <xf numFmtId="166" fontId="3" fillId="0" borderId="11" xfId="0" applyNumberFormat="1" applyFont="1" applyFill="1" applyBorder="1" applyAlignment="1">
      <alignment vertical="center"/>
    </xf>
    <xf numFmtId="166" fontId="3" fillId="0" borderId="14" xfId="0" applyNumberFormat="1" applyFont="1" applyFill="1" applyBorder="1" applyAlignment="1">
      <alignment vertical="center"/>
    </xf>
    <xf numFmtId="166" fontId="2" fillId="0" borderId="2" xfId="0" applyNumberFormat="1" applyFont="1" applyFill="1" applyBorder="1" applyAlignment="1">
      <alignment vertical="center"/>
    </xf>
    <xf numFmtId="166" fontId="3" fillId="0" borderId="3" xfId="0" applyNumberFormat="1" applyFont="1" applyFill="1" applyBorder="1" applyAlignment="1">
      <alignment vertical="center"/>
    </xf>
    <xf numFmtId="166" fontId="3" fillId="0" borderId="10" xfId="0" applyNumberFormat="1" applyFont="1" applyBorder="1" applyAlignment="1">
      <alignment vertical="center"/>
    </xf>
    <xf numFmtId="166" fontId="3" fillId="0" borderId="10" xfId="0" applyNumberFormat="1" applyFont="1" applyFill="1" applyBorder="1" applyAlignment="1">
      <alignment vertical="center"/>
    </xf>
    <xf numFmtId="166" fontId="3" fillId="0" borderId="5" xfId="0" applyNumberFormat="1" applyFont="1" applyBorder="1" applyAlignment="1">
      <alignment vertical="center"/>
    </xf>
    <xf numFmtId="166" fontId="3" fillId="0" borderId="2" xfId="0" applyNumberFormat="1" applyFont="1" applyFill="1" applyBorder="1" applyAlignment="1">
      <alignment vertical="center"/>
    </xf>
    <xf numFmtId="166" fontId="2" fillId="0" borderId="15" xfId="0" applyNumberFormat="1" applyFont="1" applyFill="1" applyBorder="1" applyAlignment="1">
      <alignment vertical="center"/>
    </xf>
    <xf numFmtId="4" fontId="0" fillId="0" borderId="0" xfId="0" applyNumberFormat="1" applyFont="1"/>
    <xf numFmtId="166" fontId="3" fillId="0" borderId="0" xfId="0" applyNumberFormat="1" applyFont="1" applyAlignment="1">
      <alignment horizontal="left" vertical="center"/>
    </xf>
    <xf numFmtId="0" fontId="2" fillId="2" borderId="14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43" fontId="2" fillId="0" borderId="5" xfId="0" applyNumberFormat="1" applyFont="1" applyFill="1" applyBorder="1" applyAlignment="1">
      <alignment horizontal="right" vertical="center"/>
    </xf>
    <xf numFmtId="49" fontId="2" fillId="2" borderId="5" xfId="0" applyNumberFormat="1" applyFont="1" applyFill="1" applyBorder="1" applyAlignment="1">
      <alignment horizontal="center" vertical="center"/>
    </xf>
    <xf numFmtId="0" fontId="2" fillId="2" borderId="6" xfId="1" applyNumberFormat="1" applyFont="1" applyFill="1" applyBorder="1" applyAlignment="1">
      <alignment horizontal="center"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4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 wrapText="1"/>
    </xf>
    <xf numFmtId="0" fontId="2" fillId="2" borderId="14" xfId="1" applyNumberFormat="1" applyFont="1" applyFill="1" applyBorder="1" applyAlignment="1">
      <alignment horizontal="center" vertical="center"/>
    </xf>
    <xf numFmtId="0" fontId="2" fillId="2" borderId="3" xfId="1" applyNumberFormat="1" applyFont="1" applyFill="1" applyBorder="1" applyAlignment="1">
      <alignment horizontal="center" vertical="center"/>
    </xf>
    <xf numFmtId="0" fontId="2" fillId="2" borderId="7" xfId="1" applyNumberFormat="1" applyFont="1" applyFill="1" applyBorder="1" applyAlignment="1">
      <alignment horizontal="center" vertical="center"/>
    </xf>
    <xf numFmtId="0" fontId="2" fillId="2" borderId="8" xfId="1" applyNumberFormat="1" applyFont="1" applyFill="1" applyBorder="1" applyAlignment="1">
      <alignment horizontal="center" vertical="center"/>
    </xf>
    <xf numFmtId="0" fontId="2" fillId="2" borderId="15" xfId="1" applyNumberFormat="1" applyFont="1" applyFill="1" applyBorder="1" applyAlignment="1">
      <alignment horizontal="center"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2" xfId="1" applyNumberFormat="1" applyFont="1" applyFill="1" applyBorder="1" applyAlignment="1">
      <alignment horizontal="center" vertical="center"/>
    </xf>
    <xf numFmtId="0" fontId="2" fillId="2" borderId="9" xfId="1" applyNumberFormat="1" applyFont="1" applyFill="1" applyBorder="1" applyAlignment="1">
      <alignment horizontal="center" vertical="center"/>
    </xf>
    <xf numFmtId="0" fontId="2" fillId="2" borderId="11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center" wrapText="1"/>
    </xf>
    <xf numFmtId="0" fontId="2" fillId="2" borderId="13" xfId="1" applyNumberFormat="1" applyFont="1" applyFill="1" applyBorder="1" applyAlignment="1">
      <alignment horizontal="center" vertical="center" wrapText="1"/>
    </xf>
    <xf numFmtId="0" fontId="2" fillId="0" borderId="0" xfId="0" applyNumberFormat="1" applyFont="1" applyFill="1" applyAlignment="1">
      <alignment horizontal="center" vertical="center"/>
    </xf>
    <xf numFmtId="22" fontId="3" fillId="0" borderId="3" xfId="1" applyNumberFormat="1" applyFont="1" applyFill="1" applyBorder="1" applyAlignment="1">
      <alignment horizontal="center" vertical="center"/>
    </xf>
    <xf numFmtId="10" fontId="3" fillId="0" borderId="5" xfId="0" applyNumberFormat="1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49" fontId="2" fillId="0" borderId="10" xfId="0" applyNumberFormat="1" applyFont="1" applyFill="1" applyBorder="1" applyAlignment="1">
      <alignment horizontal="center" vertical="center"/>
    </xf>
    <xf numFmtId="49" fontId="2" fillId="0" borderId="5" xfId="0" applyNumberFormat="1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top" wrapText="1"/>
    </xf>
    <xf numFmtId="10" fontId="3" fillId="0" borderId="6" xfId="0" applyNumberFormat="1" applyFont="1" applyFill="1" applyBorder="1" applyAlignment="1">
      <alignment horizontal="center" vertical="center"/>
    </xf>
    <xf numFmtId="10" fontId="3" fillId="0" borderId="4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justify" vertical="center" wrapText="1"/>
    </xf>
    <xf numFmtId="0" fontId="2" fillId="2" borderId="14" xfId="0" applyFont="1" applyFill="1" applyBorder="1" applyAlignment="1">
      <alignment horizontal="center" vertical="center"/>
    </xf>
    <xf numFmtId="0" fontId="2" fillId="2" borderId="3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43" fontId="2" fillId="0" borderId="14" xfId="0" applyNumberFormat="1" applyFont="1" applyFill="1" applyBorder="1" applyAlignment="1">
      <alignment horizontal="right" vertical="center"/>
    </xf>
    <xf numFmtId="43" fontId="2" fillId="0" borderId="3" xfId="0" applyNumberFormat="1" applyFont="1" applyFill="1" applyBorder="1" applyAlignment="1">
      <alignment horizontal="right" vertical="center"/>
    </xf>
    <xf numFmtId="43" fontId="2" fillId="0" borderId="15" xfId="0" applyNumberFormat="1" applyFont="1" applyFill="1" applyBorder="1" applyAlignment="1">
      <alignment horizontal="right" vertical="center"/>
    </xf>
    <xf numFmtId="43" fontId="3" fillId="0" borderId="1" xfId="0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horizontal="right" vertical="center"/>
    </xf>
    <xf numFmtId="43" fontId="3" fillId="0" borderId="2" xfId="0" applyNumberFormat="1" applyFont="1" applyFill="1" applyBorder="1" applyAlignment="1">
      <alignment horizontal="right" vertical="center"/>
    </xf>
    <xf numFmtId="43" fontId="2" fillId="0" borderId="5" xfId="0" applyNumberFormat="1" applyFont="1" applyFill="1" applyBorder="1" applyAlignment="1">
      <alignment horizontal="right" vertical="center"/>
    </xf>
    <xf numFmtId="43" fontId="2" fillId="0" borderId="6" xfId="0" applyNumberFormat="1" applyFont="1" applyFill="1" applyBorder="1" applyAlignment="1">
      <alignment horizontal="right" vertical="center"/>
    </xf>
    <xf numFmtId="43" fontId="2" fillId="0" borderId="4" xfId="0" applyNumberFormat="1" applyFont="1" applyFill="1" applyBorder="1" applyAlignment="1">
      <alignment horizontal="right" vertical="center"/>
    </xf>
    <xf numFmtId="43" fontId="2" fillId="2" borderId="5" xfId="0" applyNumberFormat="1" applyFont="1" applyFill="1" applyBorder="1" applyAlignment="1">
      <alignment horizontal="right" vertical="center"/>
    </xf>
    <xf numFmtId="43" fontId="2" fillId="2" borderId="6" xfId="0" applyNumberFormat="1" applyFont="1" applyFill="1" applyBorder="1" applyAlignment="1">
      <alignment horizontal="right" vertical="center"/>
    </xf>
    <xf numFmtId="43" fontId="2" fillId="2" borderId="4" xfId="0" applyNumberFormat="1" applyFont="1" applyFill="1" applyBorder="1" applyAlignment="1">
      <alignment horizontal="right" vertical="center"/>
    </xf>
    <xf numFmtId="0" fontId="2" fillId="2" borderId="2" xfId="0" applyFont="1" applyFill="1" applyBorder="1" applyAlignment="1">
      <alignment horizontal="center" vertical="center"/>
    </xf>
    <xf numFmtId="0" fontId="2" fillId="2" borderId="5" xfId="0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166" fontId="2" fillId="0" borderId="14" xfId="0" applyNumberFormat="1" applyFont="1" applyFill="1" applyBorder="1" applyAlignment="1">
      <alignment horizontal="right" vertical="center"/>
    </xf>
    <xf numFmtId="166" fontId="2" fillId="0" borderId="3" xfId="0" applyNumberFormat="1" applyFont="1" applyFill="1" applyBorder="1" applyAlignment="1">
      <alignment horizontal="right" vertical="center"/>
    </xf>
    <xf numFmtId="166" fontId="2" fillId="0" borderId="15" xfId="0" applyNumberFormat="1" applyFont="1" applyFill="1" applyBorder="1" applyAlignment="1">
      <alignment horizontal="right" vertical="center"/>
    </xf>
    <xf numFmtId="166" fontId="2" fillId="0" borderId="1" xfId="0" applyNumberFormat="1" applyFont="1" applyFill="1" applyBorder="1" applyAlignment="1">
      <alignment horizontal="right" vertical="center"/>
    </xf>
    <xf numFmtId="166" fontId="2" fillId="0" borderId="0" xfId="0" applyNumberFormat="1" applyFont="1" applyFill="1" applyBorder="1" applyAlignment="1">
      <alignment horizontal="right" vertical="center"/>
    </xf>
    <xf numFmtId="166" fontId="2" fillId="0" borderId="2" xfId="0" applyNumberFormat="1" applyFont="1" applyFill="1" applyBorder="1" applyAlignment="1">
      <alignment horizontal="right" vertical="center"/>
    </xf>
    <xf numFmtId="0" fontId="2" fillId="2" borderId="15" xfId="0" applyFont="1" applyFill="1" applyBorder="1" applyAlignment="1">
      <alignment horizontal="center" vertical="center" wrapText="1"/>
    </xf>
    <xf numFmtId="43" fontId="3" fillId="0" borderId="7" xfId="0" applyNumberFormat="1" applyFont="1" applyFill="1" applyBorder="1" applyAlignment="1">
      <alignment horizontal="right" vertical="center"/>
    </xf>
    <xf numFmtId="43" fontId="3" fillId="0" borderId="8" xfId="0" applyNumberFormat="1" applyFont="1" applyFill="1" applyBorder="1" applyAlignment="1">
      <alignment horizontal="right" vertical="center"/>
    </xf>
    <xf numFmtId="43" fontId="3" fillId="0" borderId="9" xfId="0" applyNumberFormat="1" applyFont="1" applyFill="1" applyBorder="1" applyAlignment="1">
      <alignment horizontal="right" vertical="center"/>
    </xf>
    <xf numFmtId="43" fontId="2" fillId="0" borderId="1" xfId="0" applyNumberFormat="1" applyFont="1" applyFill="1" applyBorder="1" applyAlignment="1">
      <alignment horizontal="right" vertical="center"/>
    </xf>
    <xf numFmtId="43" fontId="2" fillId="0" borderId="0" xfId="0" applyNumberFormat="1" applyFont="1" applyFill="1" applyBorder="1" applyAlignment="1">
      <alignment horizontal="right" vertical="center"/>
    </xf>
    <xf numFmtId="43" fontId="2" fillId="0" borderId="2" xfId="0" applyNumberFormat="1" applyFont="1" applyFill="1" applyBorder="1" applyAlignment="1">
      <alignment horizontal="right" vertical="center"/>
    </xf>
    <xf numFmtId="166" fontId="3" fillId="0" borderId="1" xfId="0" applyNumberFormat="1" applyFont="1" applyFill="1" applyBorder="1" applyAlignment="1">
      <alignment horizontal="right" vertical="center"/>
    </xf>
    <xf numFmtId="166" fontId="3" fillId="0" borderId="0" xfId="0" applyNumberFormat="1" applyFont="1" applyFill="1" applyBorder="1" applyAlignment="1">
      <alignment horizontal="right" vertical="center"/>
    </xf>
    <xf numFmtId="166" fontId="3" fillId="0" borderId="2" xfId="0" applyNumberFormat="1" applyFont="1" applyFill="1" applyBorder="1" applyAlignment="1">
      <alignment horizontal="right" vertical="center"/>
    </xf>
    <xf numFmtId="166" fontId="2" fillId="0" borderId="7" xfId="0" applyNumberFormat="1" applyFont="1" applyFill="1" applyBorder="1" applyAlignment="1">
      <alignment horizontal="right" vertical="center"/>
    </xf>
    <xf numFmtId="166" fontId="2" fillId="0" borderId="8" xfId="0" applyNumberFormat="1" applyFont="1" applyFill="1" applyBorder="1" applyAlignment="1">
      <alignment horizontal="right" vertical="center"/>
    </xf>
    <xf numFmtId="166" fontId="2" fillId="0" borderId="9" xfId="0" applyNumberFormat="1" applyFont="1" applyFill="1" applyBorder="1" applyAlignment="1">
      <alignment horizontal="right" vertical="center"/>
    </xf>
    <xf numFmtId="0" fontId="3" fillId="0" borderId="6" xfId="0" applyNumberFormat="1" applyFont="1" applyFill="1" applyBorder="1" applyAlignment="1">
      <alignment horizontal="center" vertical="center"/>
    </xf>
    <xf numFmtId="43" fontId="3" fillId="0" borderId="14" xfId="0" applyNumberFormat="1" applyFont="1" applyFill="1" applyBorder="1" applyAlignment="1">
      <alignment horizontal="right" vertical="center"/>
    </xf>
    <xf numFmtId="43" fontId="3" fillId="0" borderId="3" xfId="0" applyNumberFormat="1" applyFont="1" applyFill="1" applyBorder="1" applyAlignment="1">
      <alignment horizontal="right" vertical="center"/>
    </xf>
    <xf numFmtId="43" fontId="3" fillId="0" borderId="15" xfId="0" applyNumberFormat="1" applyFont="1" applyFill="1" applyBorder="1" applyAlignment="1">
      <alignment horizontal="right" vertical="center"/>
    </xf>
    <xf numFmtId="43" fontId="3" fillId="3" borderId="1" xfId="0" applyNumberFormat="1" applyFont="1" applyFill="1" applyBorder="1" applyAlignment="1">
      <alignment horizontal="right" vertical="center"/>
    </xf>
    <xf numFmtId="43" fontId="3" fillId="3" borderId="0" xfId="0" applyNumberFormat="1" applyFont="1" applyFill="1" applyBorder="1" applyAlignment="1">
      <alignment horizontal="right" vertical="center"/>
    </xf>
    <xf numFmtId="43" fontId="3" fillId="3" borderId="2" xfId="0" applyNumberFormat="1" applyFont="1" applyFill="1" applyBorder="1" applyAlignment="1">
      <alignment horizontal="right" vertical="center"/>
    </xf>
    <xf numFmtId="0" fontId="2" fillId="2" borderId="6" xfId="0" applyFont="1" applyFill="1" applyBorder="1" applyAlignment="1">
      <alignment horizontal="center" vertical="center" wrapText="1"/>
    </xf>
    <xf numFmtId="43" fontId="3" fillId="3" borderId="7" xfId="0" applyNumberFormat="1" applyFont="1" applyFill="1" applyBorder="1" applyAlignment="1">
      <alignment horizontal="right" vertical="center"/>
    </xf>
    <xf numFmtId="43" fontId="3" fillId="3" borderId="8" xfId="0" applyNumberFormat="1" applyFont="1" applyFill="1" applyBorder="1" applyAlignment="1">
      <alignment horizontal="right" vertical="center"/>
    </xf>
    <xf numFmtId="43" fontId="3" fillId="3" borderId="9" xfId="0" applyNumberFormat="1" applyFont="1" applyFill="1" applyBorder="1" applyAlignment="1">
      <alignment horizontal="right" vertical="center"/>
    </xf>
    <xf numFmtId="166" fontId="3" fillId="0" borderId="7" xfId="0" applyNumberFormat="1" applyFont="1" applyFill="1" applyBorder="1" applyAlignment="1">
      <alignment horizontal="right" vertical="center"/>
    </xf>
    <xf numFmtId="166" fontId="3" fillId="0" borderId="8" xfId="0" applyNumberFormat="1" applyFont="1" applyFill="1" applyBorder="1" applyAlignment="1">
      <alignment horizontal="right" vertical="center"/>
    </xf>
    <xf numFmtId="166" fontId="2" fillId="2" borderId="5" xfId="0" applyNumberFormat="1" applyFont="1" applyFill="1" applyBorder="1" applyAlignment="1">
      <alignment horizontal="center" vertical="center"/>
    </xf>
    <xf numFmtId="166" fontId="2" fillId="2" borderId="6" xfId="0" applyNumberFormat="1" applyFont="1" applyFill="1" applyBorder="1" applyAlignment="1">
      <alignment horizontal="center" vertical="center"/>
    </xf>
    <xf numFmtId="166" fontId="3" fillId="0" borderId="9" xfId="0" applyNumberFormat="1" applyFont="1" applyFill="1" applyBorder="1" applyAlignment="1">
      <alignment horizontal="right" vertical="center"/>
    </xf>
    <xf numFmtId="166" fontId="2" fillId="2" borderId="4" xfId="0" applyNumberFormat="1" applyFont="1" applyFill="1" applyBorder="1" applyAlignment="1">
      <alignment horizontal="center" vertical="center"/>
    </xf>
    <xf numFmtId="49" fontId="2" fillId="0" borderId="0" xfId="0" applyNumberFormat="1" applyFont="1" applyFill="1" applyAlignment="1">
      <alignment horizontal="center" vertical="center"/>
    </xf>
    <xf numFmtId="49" fontId="2" fillId="2" borderId="5" xfId="0" applyNumberFormat="1" applyFont="1" applyFill="1" applyBorder="1" applyAlignment="1">
      <alignment horizontal="center" vertical="center"/>
    </xf>
    <xf numFmtId="49" fontId="2" fillId="2" borderId="6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2" borderId="6" xfId="0" applyFont="1" applyFill="1" applyBorder="1" applyAlignment="1">
      <alignment horizontal="left" vertical="center" wrapText="1"/>
    </xf>
    <xf numFmtId="0" fontId="2" fillId="2" borderId="4" xfId="0" applyFont="1" applyFill="1" applyBorder="1" applyAlignment="1">
      <alignment horizontal="left" vertical="center" wrapText="1"/>
    </xf>
    <xf numFmtId="0" fontId="2" fillId="2" borderId="5" xfId="0" applyFont="1" applyFill="1" applyBorder="1" applyAlignment="1">
      <alignment horizontal="center" vertical="center" wrapText="1"/>
    </xf>
    <xf numFmtId="0" fontId="2" fillId="0" borderId="6" xfId="0" applyFont="1" applyBorder="1" applyAlignment="1">
      <alignment horizontal="left" vertical="center" wrapText="1"/>
    </xf>
    <xf numFmtId="0" fontId="2" fillId="2" borderId="14" xfId="0" applyFont="1" applyFill="1" applyBorder="1" applyAlignment="1">
      <alignment horizontal="center"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2" fillId="2" borderId="3" xfId="0" applyFont="1" applyFill="1" applyBorder="1" applyAlignment="1">
      <alignment horizontal="center" vertical="center" wrapText="1"/>
    </xf>
    <xf numFmtId="0" fontId="2" fillId="2" borderId="0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2" fillId="2" borderId="8" xfId="0" applyFont="1" applyFill="1" applyBorder="1" applyAlignment="1">
      <alignment horizontal="center" vertical="center" wrapText="1"/>
    </xf>
    <xf numFmtId="0" fontId="2" fillId="2" borderId="9" xfId="0" applyFont="1" applyFill="1" applyBorder="1" applyAlignment="1">
      <alignment horizontal="center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8" xfId="0" applyFont="1" applyFill="1" applyBorder="1" applyAlignment="1">
      <alignment horizontal="left" vertical="center"/>
    </xf>
    <xf numFmtId="0" fontId="3" fillId="0" borderId="9" xfId="0" applyFont="1" applyFill="1" applyBorder="1" applyAlignment="1">
      <alignment horizontal="left" vertical="center"/>
    </xf>
    <xf numFmtId="0" fontId="3" fillId="0" borderId="0" xfId="0" applyFont="1" applyAlignment="1">
      <alignment horizontal="left" vertical="center"/>
    </xf>
    <xf numFmtId="0" fontId="2" fillId="2" borderId="11" xfId="0" applyFont="1" applyFill="1" applyBorder="1" applyAlignment="1">
      <alignment horizontal="center" vertical="center" wrapText="1"/>
    </xf>
    <xf numFmtId="0" fontId="2" fillId="2" borderId="12" xfId="0" applyFont="1" applyFill="1" applyBorder="1" applyAlignment="1">
      <alignment horizontal="center" vertical="center" wrapText="1"/>
    </xf>
    <xf numFmtId="0" fontId="2" fillId="2" borderId="13" xfId="0" applyFont="1" applyFill="1" applyBorder="1" applyAlignment="1">
      <alignment horizontal="center" vertical="center" wrapText="1"/>
    </xf>
    <xf numFmtId="0" fontId="2" fillId="0" borderId="8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2" borderId="10" xfId="0" applyFont="1" applyFill="1" applyBorder="1" applyAlignment="1">
      <alignment horizontal="center" vertical="center" wrapText="1"/>
    </xf>
    <xf numFmtId="0" fontId="2" fillId="2" borderId="14" xfId="0" applyFont="1" applyFill="1" applyBorder="1" applyAlignment="1">
      <alignment horizontal="center" wrapText="1"/>
    </xf>
    <xf numFmtId="0" fontId="2" fillId="2" borderId="1" xfId="0" applyFont="1" applyFill="1" applyBorder="1" applyAlignment="1">
      <alignment horizontal="center" wrapText="1"/>
    </xf>
    <xf numFmtId="0" fontId="2" fillId="2" borderId="1" xfId="0" applyFont="1" applyFill="1" applyBorder="1" applyAlignment="1">
      <alignment horizontal="center" vertical="top" wrapText="1"/>
    </xf>
    <xf numFmtId="0" fontId="2" fillId="2" borderId="7" xfId="0" applyFont="1" applyFill="1" applyBorder="1" applyAlignment="1">
      <alignment horizontal="center" vertical="top" wrapText="1"/>
    </xf>
    <xf numFmtId="0" fontId="2" fillId="0" borderId="0" xfId="0" applyFont="1" applyAlignment="1">
      <alignment horizontal="center" vertical="center"/>
    </xf>
    <xf numFmtId="0" fontId="2" fillId="2" borderId="15" xfId="0" applyNumberFormat="1" applyFont="1" applyFill="1" applyBorder="1" applyAlignment="1">
      <alignment horizontal="center" vertical="center"/>
    </xf>
    <xf numFmtId="0" fontId="2" fillId="2" borderId="9" xfId="0" applyNumberFormat="1" applyFont="1" applyFill="1" applyBorder="1" applyAlignment="1">
      <alignment horizontal="center" vertical="center"/>
    </xf>
    <xf numFmtId="0" fontId="2" fillId="2" borderId="11" xfId="0" applyNumberFormat="1" applyFont="1" applyFill="1" applyBorder="1" applyAlignment="1">
      <alignment horizontal="center" vertical="center" wrapText="1"/>
    </xf>
    <xf numFmtId="0" fontId="2" fillId="2" borderId="13" xfId="0" applyNumberFormat="1" applyFont="1" applyFill="1" applyBorder="1" applyAlignment="1">
      <alignment horizontal="center" vertical="center" wrapText="1"/>
    </xf>
    <xf numFmtId="0" fontId="2" fillId="2" borderId="14" xfId="0" applyNumberFormat="1" applyFont="1" applyFill="1" applyBorder="1" applyAlignment="1">
      <alignment horizontal="center" vertical="center" wrapText="1"/>
    </xf>
    <xf numFmtId="0" fontId="2" fillId="2" borderId="7" xfId="0" applyNumberFormat="1" applyFont="1" applyFill="1" applyBorder="1" applyAlignment="1">
      <alignment horizontal="center" vertical="center" wrapText="1"/>
    </xf>
    <xf numFmtId="0" fontId="2" fillId="2" borderId="5" xfId="0" applyNumberFormat="1" applyFont="1" applyFill="1" applyBorder="1" applyAlignment="1">
      <alignment horizontal="center" vertical="center"/>
    </xf>
    <xf numFmtId="0" fontId="2" fillId="2" borderId="6" xfId="0" applyNumberFormat="1" applyFont="1" applyFill="1" applyBorder="1" applyAlignment="1">
      <alignment horizontal="center" vertical="center"/>
    </xf>
  </cellXfs>
  <cellStyles count="3">
    <cellStyle name="Normal" xfId="0" builtinId="0"/>
    <cellStyle name="Normal 2" xfId="1"/>
    <cellStyle name="Vírgula" xfId="2" builtin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290137</xdr:colOff>
      <xdr:row>47</xdr:row>
      <xdr:rowOff>96099</xdr:rowOff>
    </xdr:from>
    <xdr:to>
      <xdr:col>7</xdr:col>
      <xdr:colOff>0</xdr:colOff>
      <xdr:row>52</xdr:row>
      <xdr:rowOff>28575</xdr:rowOff>
    </xdr:to>
    <xdr:sp macro="" textlink="">
      <xdr:nvSpPr>
        <xdr:cNvPr id="4" name="CaixaDeTexto 3"/>
        <xdr:cNvSpPr txBox="1"/>
      </xdr:nvSpPr>
      <xdr:spPr>
        <a:xfrm>
          <a:off x="6167062" y="7497024"/>
          <a:ext cx="2891214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117475</xdr:colOff>
      <xdr:row>47</xdr:row>
      <xdr:rowOff>66675</xdr:rowOff>
    </xdr:from>
    <xdr:to>
      <xdr:col>0</xdr:col>
      <xdr:colOff>2809875</xdr:colOff>
      <xdr:row>52</xdr:row>
      <xdr:rowOff>41275</xdr:rowOff>
    </xdr:to>
    <xdr:sp macro="" textlink="">
      <xdr:nvSpPr>
        <xdr:cNvPr id="5" name="CaixaDeTexto 4"/>
        <xdr:cNvSpPr txBox="1"/>
      </xdr:nvSpPr>
      <xdr:spPr>
        <a:xfrm>
          <a:off x="117475" y="746760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127375</xdr:colOff>
      <xdr:row>47</xdr:row>
      <xdr:rowOff>76200</xdr:rowOff>
    </xdr:from>
    <xdr:to>
      <xdr:col>4</xdr:col>
      <xdr:colOff>342900</xdr:colOff>
      <xdr:row>52</xdr:row>
      <xdr:rowOff>45508</xdr:rowOff>
    </xdr:to>
    <xdr:sp macro="" textlink="">
      <xdr:nvSpPr>
        <xdr:cNvPr id="6" name="CaixaDeTexto 5"/>
        <xdr:cNvSpPr txBox="1"/>
      </xdr:nvSpPr>
      <xdr:spPr>
        <a:xfrm>
          <a:off x="3127375" y="747712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67070</xdr:colOff>
      <xdr:row>50</xdr:row>
      <xdr:rowOff>96099</xdr:rowOff>
    </xdr:from>
    <xdr:to>
      <xdr:col>6</xdr:col>
      <xdr:colOff>1227992</xdr:colOff>
      <xdr:row>54</xdr:row>
      <xdr:rowOff>77395</xdr:rowOff>
    </xdr:to>
    <xdr:sp macro="" textlink="">
      <xdr:nvSpPr>
        <xdr:cNvPr id="4" name="CaixaDeTexto 3"/>
        <xdr:cNvSpPr txBox="1"/>
      </xdr:nvSpPr>
      <xdr:spPr>
        <a:xfrm>
          <a:off x="6243995" y="8992449"/>
          <a:ext cx="2651622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28575</xdr:colOff>
      <xdr:row>50</xdr:row>
      <xdr:rowOff>76200</xdr:rowOff>
    </xdr:from>
    <xdr:to>
      <xdr:col>0</xdr:col>
      <xdr:colOff>2720975</xdr:colOff>
      <xdr:row>55</xdr:row>
      <xdr:rowOff>50800</xdr:rowOff>
    </xdr:to>
    <xdr:sp macro="" textlink="">
      <xdr:nvSpPr>
        <xdr:cNvPr id="5" name="CaixaDeTexto 4"/>
        <xdr:cNvSpPr txBox="1"/>
      </xdr:nvSpPr>
      <xdr:spPr>
        <a:xfrm>
          <a:off x="28575" y="79057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038475</xdr:colOff>
      <xdr:row>50</xdr:row>
      <xdr:rowOff>85725</xdr:rowOff>
    </xdr:from>
    <xdr:to>
      <xdr:col>4</xdr:col>
      <xdr:colOff>254000</xdr:colOff>
      <xdr:row>55</xdr:row>
      <xdr:rowOff>55033</xdr:rowOff>
    </xdr:to>
    <xdr:sp macro="" textlink="">
      <xdr:nvSpPr>
        <xdr:cNvPr id="6" name="CaixaDeTexto 5"/>
        <xdr:cNvSpPr txBox="1"/>
      </xdr:nvSpPr>
      <xdr:spPr>
        <a:xfrm>
          <a:off x="3038475" y="79152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80613</xdr:colOff>
      <xdr:row>110</xdr:row>
      <xdr:rowOff>77049</xdr:rowOff>
    </xdr:from>
    <xdr:to>
      <xdr:col>12</xdr:col>
      <xdr:colOff>333375</xdr:colOff>
      <xdr:row>115</xdr:row>
      <xdr:rowOff>47625</xdr:rowOff>
    </xdr:to>
    <xdr:sp macro="" textlink="">
      <xdr:nvSpPr>
        <xdr:cNvPr id="4" name="CaixaDeTexto 3"/>
        <xdr:cNvSpPr txBox="1"/>
      </xdr:nvSpPr>
      <xdr:spPr>
        <a:xfrm>
          <a:off x="8157788" y="15393249"/>
          <a:ext cx="2300662" cy="637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62000</xdr:colOff>
      <xdr:row>110</xdr:row>
      <xdr:rowOff>66675</xdr:rowOff>
    </xdr:from>
    <xdr:to>
      <xdr:col>0</xdr:col>
      <xdr:colOff>3454400</xdr:colOff>
      <xdr:row>115</xdr:row>
      <xdr:rowOff>41275</xdr:rowOff>
    </xdr:to>
    <xdr:sp macro="" textlink="">
      <xdr:nvSpPr>
        <xdr:cNvPr id="5" name="CaixaDeTexto 4"/>
        <xdr:cNvSpPr txBox="1"/>
      </xdr:nvSpPr>
      <xdr:spPr>
        <a:xfrm>
          <a:off x="762000" y="1538287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1</xdr:col>
      <xdr:colOff>457200</xdr:colOff>
      <xdr:row>110</xdr:row>
      <xdr:rowOff>76200</xdr:rowOff>
    </xdr:from>
    <xdr:to>
      <xdr:col>7</xdr:col>
      <xdr:colOff>177800</xdr:colOff>
      <xdr:row>115</xdr:row>
      <xdr:rowOff>45508</xdr:rowOff>
    </xdr:to>
    <xdr:sp macro="" textlink="">
      <xdr:nvSpPr>
        <xdr:cNvPr id="6" name="CaixaDeTexto 5"/>
        <xdr:cNvSpPr txBox="1"/>
      </xdr:nvSpPr>
      <xdr:spPr>
        <a:xfrm>
          <a:off x="4400550" y="1539240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72814</xdr:colOff>
      <xdr:row>45</xdr:row>
      <xdr:rowOff>129717</xdr:rowOff>
    </xdr:from>
    <xdr:to>
      <xdr:col>5</xdr:col>
      <xdr:colOff>0</xdr:colOff>
      <xdr:row>49</xdr:row>
      <xdr:rowOff>111013</xdr:rowOff>
    </xdr:to>
    <xdr:sp macro="" textlink="">
      <xdr:nvSpPr>
        <xdr:cNvPr id="4" name="CaixaDeTexto 3"/>
        <xdr:cNvSpPr txBox="1"/>
      </xdr:nvSpPr>
      <xdr:spPr>
        <a:xfrm>
          <a:off x="7502289" y="8549817"/>
          <a:ext cx="2837527" cy="60994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514350</xdr:colOff>
      <xdr:row>45</xdr:row>
      <xdr:rowOff>95250</xdr:rowOff>
    </xdr:from>
    <xdr:to>
      <xdr:col>0</xdr:col>
      <xdr:colOff>3206750</xdr:colOff>
      <xdr:row>49</xdr:row>
      <xdr:rowOff>107950</xdr:rowOff>
    </xdr:to>
    <xdr:sp macro="" textlink="">
      <xdr:nvSpPr>
        <xdr:cNvPr id="5" name="CaixaDeTexto 4"/>
        <xdr:cNvSpPr txBox="1"/>
      </xdr:nvSpPr>
      <xdr:spPr>
        <a:xfrm>
          <a:off x="514350" y="68008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4086225</xdr:colOff>
      <xdr:row>45</xdr:row>
      <xdr:rowOff>104775</xdr:rowOff>
    </xdr:from>
    <xdr:to>
      <xdr:col>3</xdr:col>
      <xdr:colOff>82550</xdr:colOff>
      <xdr:row>49</xdr:row>
      <xdr:rowOff>112183</xdr:rowOff>
    </xdr:to>
    <xdr:sp macro="" textlink="">
      <xdr:nvSpPr>
        <xdr:cNvPr id="6" name="CaixaDeTexto 5"/>
        <xdr:cNvSpPr txBox="1"/>
      </xdr:nvSpPr>
      <xdr:spPr>
        <a:xfrm>
          <a:off x="4086225" y="68103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91449</xdr:colOff>
      <xdr:row>68</xdr:row>
      <xdr:rowOff>89172</xdr:rowOff>
    </xdr:from>
    <xdr:to>
      <xdr:col>4</xdr:col>
      <xdr:colOff>0</xdr:colOff>
      <xdr:row>72</xdr:row>
      <xdr:rowOff>70468</xdr:rowOff>
    </xdr:to>
    <xdr:sp macro="" textlink="">
      <xdr:nvSpPr>
        <xdr:cNvPr id="4" name="CaixaDeTexto 3"/>
        <xdr:cNvSpPr txBox="1"/>
      </xdr:nvSpPr>
      <xdr:spPr>
        <a:xfrm>
          <a:off x="7297074" y="10642872"/>
          <a:ext cx="2732750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19150</xdr:colOff>
      <xdr:row>68</xdr:row>
      <xdr:rowOff>85725</xdr:rowOff>
    </xdr:from>
    <xdr:to>
      <xdr:col>0</xdr:col>
      <xdr:colOff>3511550</xdr:colOff>
      <xdr:row>73</xdr:row>
      <xdr:rowOff>60325</xdr:rowOff>
    </xdr:to>
    <xdr:sp macro="" textlink="">
      <xdr:nvSpPr>
        <xdr:cNvPr id="5" name="CaixaDeTexto 4"/>
        <xdr:cNvSpPr txBox="1"/>
      </xdr:nvSpPr>
      <xdr:spPr>
        <a:xfrm>
          <a:off x="819150" y="106394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829050</xdr:colOff>
      <xdr:row>68</xdr:row>
      <xdr:rowOff>95250</xdr:rowOff>
    </xdr:from>
    <xdr:to>
      <xdr:col>2</xdr:col>
      <xdr:colOff>15875</xdr:colOff>
      <xdr:row>73</xdr:row>
      <xdr:rowOff>64558</xdr:rowOff>
    </xdr:to>
    <xdr:sp macro="" textlink="">
      <xdr:nvSpPr>
        <xdr:cNvPr id="6" name="CaixaDeTexto 5"/>
        <xdr:cNvSpPr txBox="1"/>
      </xdr:nvSpPr>
      <xdr:spPr>
        <a:xfrm>
          <a:off x="3829050" y="106489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28626</xdr:colOff>
      <xdr:row>59</xdr:row>
      <xdr:rowOff>96099</xdr:rowOff>
    </xdr:from>
    <xdr:to>
      <xdr:col>7</xdr:col>
      <xdr:colOff>933451</xdr:colOff>
      <xdr:row>64</xdr:row>
      <xdr:rowOff>28575</xdr:rowOff>
    </xdr:to>
    <xdr:sp macro="" textlink="">
      <xdr:nvSpPr>
        <xdr:cNvPr id="2" name="CaixaDeTexto 1"/>
        <xdr:cNvSpPr txBox="1"/>
      </xdr:nvSpPr>
      <xdr:spPr>
        <a:xfrm>
          <a:off x="9067801" y="9944949"/>
          <a:ext cx="2190750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41375</xdr:colOff>
      <xdr:row>59</xdr:row>
      <xdr:rowOff>66675</xdr:rowOff>
    </xdr:from>
    <xdr:to>
      <xdr:col>1</xdr:col>
      <xdr:colOff>133350</xdr:colOff>
      <xdr:row>64</xdr:row>
      <xdr:rowOff>41275</xdr:rowOff>
    </xdr:to>
    <xdr:sp macro="" textlink="">
      <xdr:nvSpPr>
        <xdr:cNvPr id="3" name="CaixaDeTexto 2"/>
        <xdr:cNvSpPr txBox="1"/>
      </xdr:nvSpPr>
      <xdr:spPr>
        <a:xfrm>
          <a:off x="841375" y="99155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2</xdr:col>
      <xdr:colOff>555625</xdr:colOff>
      <xdr:row>59</xdr:row>
      <xdr:rowOff>76200</xdr:rowOff>
    </xdr:from>
    <xdr:to>
      <xdr:col>4</xdr:col>
      <xdr:colOff>885825</xdr:colOff>
      <xdr:row>64</xdr:row>
      <xdr:rowOff>45508</xdr:rowOff>
    </xdr:to>
    <xdr:sp macro="" textlink="">
      <xdr:nvSpPr>
        <xdr:cNvPr id="4" name="CaixaDeTexto 3"/>
        <xdr:cNvSpPr txBox="1"/>
      </xdr:nvSpPr>
      <xdr:spPr>
        <a:xfrm>
          <a:off x="5003800" y="9925050"/>
          <a:ext cx="242570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28626</xdr:colOff>
      <xdr:row>59</xdr:row>
      <xdr:rowOff>96099</xdr:rowOff>
    </xdr:from>
    <xdr:to>
      <xdr:col>7</xdr:col>
      <xdr:colOff>933451</xdr:colOff>
      <xdr:row>64</xdr:row>
      <xdr:rowOff>28575</xdr:rowOff>
    </xdr:to>
    <xdr:sp macro="" textlink="">
      <xdr:nvSpPr>
        <xdr:cNvPr id="2" name="CaixaDeTexto 1"/>
        <xdr:cNvSpPr txBox="1"/>
      </xdr:nvSpPr>
      <xdr:spPr>
        <a:xfrm>
          <a:off x="9067801" y="9944949"/>
          <a:ext cx="2286000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41375</xdr:colOff>
      <xdr:row>59</xdr:row>
      <xdr:rowOff>66675</xdr:rowOff>
    </xdr:from>
    <xdr:to>
      <xdr:col>1</xdr:col>
      <xdr:colOff>133350</xdr:colOff>
      <xdr:row>64</xdr:row>
      <xdr:rowOff>41275</xdr:rowOff>
    </xdr:to>
    <xdr:sp macro="" textlink="">
      <xdr:nvSpPr>
        <xdr:cNvPr id="3" name="CaixaDeTexto 2"/>
        <xdr:cNvSpPr txBox="1"/>
      </xdr:nvSpPr>
      <xdr:spPr>
        <a:xfrm>
          <a:off x="841375" y="99155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2</xdr:col>
      <xdr:colOff>555625</xdr:colOff>
      <xdr:row>59</xdr:row>
      <xdr:rowOff>76200</xdr:rowOff>
    </xdr:from>
    <xdr:to>
      <xdr:col>4</xdr:col>
      <xdr:colOff>885825</xdr:colOff>
      <xdr:row>64</xdr:row>
      <xdr:rowOff>45508</xdr:rowOff>
    </xdr:to>
    <xdr:sp macro="" textlink="">
      <xdr:nvSpPr>
        <xdr:cNvPr id="4" name="CaixaDeTexto 3"/>
        <xdr:cNvSpPr txBox="1"/>
      </xdr:nvSpPr>
      <xdr:spPr>
        <a:xfrm>
          <a:off x="5003800" y="9925050"/>
          <a:ext cx="242570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6512</xdr:colOff>
      <xdr:row>47</xdr:row>
      <xdr:rowOff>96099</xdr:rowOff>
    </xdr:from>
    <xdr:to>
      <xdr:col>3</xdr:col>
      <xdr:colOff>119496</xdr:colOff>
      <xdr:row>51</xdr:row>
      <xdr:rowOff>77395</xdr:rowOff>
    </xdr:to>
    <xdr:sp macro="" textlink="">
      <xdr:nvSpPr>
        <xdr:cNvPr id="4" name="CaixaDeTexto 3"/>
        <xdr:cNvSpPr txBox="1"/>
      </xdr:nvSpPr>
      <xdr:spPr>
        <a:xfrm>
          <a:off x="7426962" y="7830399"/>
          <a:ext cx="2808084" cy="5527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71525</xdr:colOff>
      <xdr:row>47</xdr:row>
      <xdr:rowOff>85725</xdr:rowOff>
    </xdr:from>
    <xdr:to>
      <xdr:col>0</xdr:col>
      <xdr:colOff>3463925</xdr:colOff>
      <xdr:row>52</xdr:row>
      <xdr:rowOff>12700</xdr:rowOff>
    </xdr:to>
    <xdr:sp macro="" textlink="">
      <xdr:nvSpPr>
        <xdr:cNvPr id="5" name="CaixaDeTexto 4"/>
        <xdr:cNvSpPr txBox="1"/>
      </xdr:nvSpPr>
      <xdr:spPr>
        <a:xfrm>
          <a:off x="771525" y="71723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781425</xdr:colOff>
      <xdr:row>47</xdr:row>
      <xdr:rowOff>95250</xdr:rowOff>
    </xdr:from>
    <xdr:to>
      <xdr:col>2</xdr:col>
      <xdr:colOff>225425</xdr:colOff>
      <xdr:row>52</xdr:row>
      <xdr:rowOff>16933</xdr:rowOff>
    </xdr:to>
    <xdr:sp macro="" textlink="">
      <xdr:nvSpPr>
        <xdr:cNvPr id="6" name="CaixaDeTexto 5"/>
        <xdr:cNvSpPr txBox="1"/>
      </xdr:nvSpPr>
      <xdr:spPr>
        <a:xfrm>
          <a:off x="3781425" y="71818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1.xml"/><Relationship Id="rId3" Type="http://schemas.openxmlformats.org/officeDocument/2006/relationships/printerSettings" Target="../printerSettings/printerSettings3.bin"/><Relationship Id="rId7" Type="http://schemas.openxmlformats.org/officeDocument/2006/relationships/printerSettings" Target="../printerSettings/printerSettings7.bin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6" Type="http://schemas.openxmlformats.org/officeDocument/2006/relationships/printerSettings" Target="../printerSettings/printerSettings6.bin"/><Relationship Id="rId5" Type="http://schemas.openxmlformats.org/officeDocument/2006/relationships/printerSettings" Target="../printerSettings/printerSettings5.bin"/><Relationship Id="rId4" Type="http://schemas.openxmlformats.org/officeDocument/2006/relationships/printerSettings" Target="../printerSettings/printerSettings4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2.xml"/><Relationship Id="rId3" Type="http://schemas.openxmlformats.org/officeDocument/2006/relationships/printerSettings" Target="../printerSettings/printerSettings10.bin"/><Relationship Id="rId7" Type="http://schemas.openxmlformats.org/officeDocument/2006/relationships/printerSettings" Target="../printerSettings/printerSettings14.bin"/><Relationship Id="rId2" Type="http://schemas.openxmlformats.org/officeDocument/2006/relationships/printerSettings" Target="../printerSettings/printerSettings9.bin"/><Relationship Id="rId1" Type="http://schemas.openxmlformats.org/officeDocument/2006/relationships/printerSettings" Target="../printerSettings/printerSettings8.bin"/><Relationship Id="rId6" Type="http://schemas.openxmlformats.org/officeDocument/2006/relationships/printerSettings" Target="../printerSettings/printerSettings13.bin"/><Relationship Id="rId5" Type="http://schemas.openxmlformats.org/officeDocument/2006/relationships/printerSettings" Target="../printerSettings/printerSettings12.bin"/><Relationship Id="rId4" Type="http://schemas.openxmlformats.org/officeDocument/2006/relationships/printerSettings" Target="../printerSettings/printerSettings11.bin"/></Relationships>
</file>

<file path=xl/worksheets/_rels/sheet3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3.xml"/><Relationship Id="rId3" Type="http://schemas.openxmlformats.org/officeDocument/2006/relationships/printerSettings" Target="../printerSettings/printerSettings17.bin"/><Relationship Id="rId7" Type="http://schemas.openxmlformats.org/officeDocument/2006/relationships/printerSettings" Target="../printerSettings/printerSettings21.bin"/><Relationship Id="rId2" Type="http://schemas.openxmlformats.org/officeDocument/2006/relationships/printerSettings" Target="../printerSettings/printerSettings16.bin"/><Relationship Id="rId1" Type="http://schemas.openxmlformats.org/officeDocument/2006/relationships/printerSettings" Target="../printerSettings/printerSettings15.bin"/><Relationship Id="rId6" Type="http://schemas.openxmlformats.org/officeDocument/2006/relationships/printerSettings" Target="../printerSettings/printerSettings20.bin"/><Relationship Id="rId5" Type="http://schemas.openxmlformats.org/officeDocument/2006/relationships/printerSettings" Target="../printerSettings/printerSettings19.bin"/><Relationship Id="rId4" Type="http://schemas.openxmlformats.org/officeDocument/2006/relationships/printerSettings" Target="../printerSettings/printerSettings18.bin"/></Relationships>
</file>

<file path=xl/worksheets/_rels/sheet4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4.xml"/><Relationship Id="rId3" Type="http://schemas.openxmlformats.org/officeDocument/2006/relationships/printerSettings" Target="../printerSettings/printerSettings24.bin"/><Relationship Id="rId7" Type="http://schemas.openxmlformats.org/officeDocument/2006/relationships/printerSettings" Target="../printerSettings/printerSettings28.bin"/><Relationship Id="rId2" Type="http://schemas.openxmlformats.org/officeDocument/2006/relationships/printerSettings" Target="../printerSettings/printerSettings23.bin"/><Relationship Id="rId1" Type="http://schemas.openxmlformats.org/officeDocument/2006/relationships/printerSettings" Target="../printerSettings/printerSettings22.bin"/><Relationship Id="rId6" Type="http://schemas.openxmlformats.org/officeDocument/2006/relationships/printerSettings" Target="../printerSettings/printerSettings27.bin"/><Relationship Id="rId5" Type="http://schemas.openxmlformats.org/officeDocument/2006/relationships/printerSettings" Target="../printerSettings/printerSettings26.bin"/><Relationship Id="rId4" Type="http://schemas.openxmlformats.org/officeDocument/2006/relationships/printerSettings" Target="../printerSettings/printerSettings25.bin"/></Relationships>
</file>

<file path=xl/worksheets/_rels/sheet5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5.xml"/><Relationship Id="rId3" Type="http://schemas.openxmlformats.org/officeDocument/2006/relationships/printerSettings" Target="../printerSettings/printerSettings31.bin"/><Relationship Id="rId7" Type="http://schemas.openxmlformats.org/officeDocument/2006/relationships/printerSettings" Target="../printerSettings/printerSettings35.bin"/><Relationship Id="rId2" Type="http://schemas.openxmlformats.org/officeDocument/2006/relationships/printerSettings" Target="../printerSettings/printerSettings30.bin"/><Relationship Id="rId1" Type="http://schemas.openxmlformats.org/officeDocument/2006/relationships/printerSettings" Target="../printerSettings/printerSettings29.bin"/><Relationship Id="rId6" Type="http://schemas.openxmlformats.org/officeDocument/2006/relationships/printerSettings" Target="../printerSettings/printerSettings34.bin"/><Relationship Id="rId5" Type="http://schemas.openxmlformats.org/officeDocument/2006/relationships/printerSettings" Target="../printerSettings/printerSettings33.bin"/><Relationship Id="rId4" Type="http://schemas.openxmlformats.org/officeDocument/2006/relationships/printerSettings" Target="../printerSettings/printerSettings32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8.bin"/><Relationship Id="rId2" Type="http://schemas.openxmlformats.org/officeDocument/2006/relationships/printerSettings" Target="../printerSettings/printerSettings37.bin"/><Relationship Id="rId1" Type="http://schemas.openxmlformats.org/officeDocument/2006/relationships/printerSettings" Target="../printerSettings/printerSettings36.bin"/><Relationship Id="rId6" Type="http://schemas.openxmlformats.org/officeDocument/2006/relationships/drawing" Target="../drawings/drawing6.xml"/><Relationship Id="rId5" Type="http://schemas.openxmlformats.org/officeDocument/2006/relationships/printerSettings" Target="../printerSettings/printerSettings40.bin"/><Relationship Id="rId4" Type="http://schemas.openxmlformats.org/officeDocument/2006/relationships/printerSettings" Target="../printerSettings/printerSettings39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43.bin"/><Relationship Id="rId2" Type="http://schemas.openxmlformats.org/officeDocument/2006/relationships/printerSettings" Target="../printerSettings/printerSettings42.bin"/><Relationship Id="rId1" Type="http://schemas.openxmlformats.org/officeDocument/2006/relationships/printerSettings" Target="../printerSettings/printerSettings41.bin"/><Relationship Id="rId5" Type="http://schemas.openxmlformats.org/officeDocument/2006/relationships/drawing" Target="../drawings/drawing7.xml"/><Relationship Id="rId4" Type="http://schemas.openxmlformats.org/officeDocument/2006/relationships/printerSettings" Target="../printerSettings/printerSettings44.bin"/></Relationships>
</file>

<file path=xl/worksheets/_rels/sheet8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8.xml"/><Relationship Id="rId3" Type="http://schemas.openxmlformats.org/officeDocument/2006/relationships/printerSettings" Target="../printerSettings/printerSettings47.bin"/><Relationship Id="rId7" Type="http://schemas.openxmlformats.org/officeDocument/2006/relationships/printerSettings" Target="../printerSettings/printerSettings51.bin"/><Relationship Id="rId2" Type="http://schemas.openxmlformats.org/officeDocument/2006/relationships/printerSettings" Target="../printerSettings/printerSettings46.bin"/><Relationship Id="rId1" Type="http://schemas.openxmlformats.org/officeDocument/2006/relationships/printerSettings" Target="../printerSettings/printerSettings45.bin"/><Relationship Id="rId6" Type="http://schemas.openxmlformats.org/officeDocument/2006/relationships/printerSettings" Target="../printerSettings/printerSettings50.bin"/><Relationship Id="rId5" Type="http://schemas.openxmlformats.org/officeDocument/2006/relationships/printerSettings" Target="../printerSettings/printerSettings49.bin"/><Relationship Id="rId4" Type="http://schemas.openxmlformats.org/officeDocument/2006/relationships/printerSettings" Target="../printerSettings/printerSettings4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G58"/>
  <sheetViews>
    <sheetView showGridLines="0" zoomScaleNormal="100" workbookViewId="0">
      <selection activeCell="F18" sqref="F18"/>
    </sheetView>
  </sheetViews>
  <sheetFormatPr defaultRowHeight="10.5" x14ac:dyDescent="0.2"/>
  <cols>
    <col min="1" max="1" width="65.7109375" style="58" customWidth="1"/>
    <col min="2" max="5" width="5.7109375" style="58" customWidth="1"/>
    <col min="6" max="7" width="20.7109375" style="58" customWidth="1"/>
    <col min="8" max="16384" width="9.140625" style="58"/>
  </cols>
  <sheetData>
    <row r="1" spans="1:7" x14ac:dyDescent="0.2">
      <c r="A1" s="56"/>
      <c r="B1" s="56"/>
      <c r="C1" s="56"/>
      <c r="D1" s="56"/>
      <c r="E1" s="56"/>
      <c r="F1" s="57"/>
      <c r="G1" s="57"/>
    </row>
    <row r="2" spans="1:7" x14ac:dyDescent="0.2">
      <c r="A2" s="56"/>
      <c r="B2" s="56"/>
      <c r="C2" s="56"/>
      <c r="D2" s="56"/>
      <c r="E2" s="56"/>
      <c r="F2" s="57"/>
      <c r="G2" s="57"/>
    </row>
    <row r="3" spans="1:7" x14ac:dyDescent="0.2">
      <c r="A3" s="240" t="s">
        <v>199</v>
      </c>
      <c r="B3" s="240"/>
      <c r="C3" s="240"/>
      <c r="D3" s="240"/>
      <c r="E3" s="240"/>
      <c r="F3" s="240"/>
      <c r="G3" s="240"/>
    </row>
    <row r="4" spans="1:7" x14ac:dyDescent="0.2">
      <c r="A4" s="240" t="s">
        <v>200</v>
      </c>
      <c r="B4" s="240"/>
      <c r="C4" s="240"/>
      <c r="D4" s="240"/>
      <c r="E4" s="240"/>
      <c r="F4" s="240"/>
      <c r="G4" s="240"/>
    </row>
    <row r="5" spans="1:7" x14ac:dyDescent="0.2">
      <c r="A5" s="240" t="s">
        <v>0</v>
      </c>
      <c r="B5" s="240"/>
      <c r="C5" s="240"/>
      <c r="D5" s="240"/>
      <c r="E5" s="240"/>
      <c r="F5" s="240"/>
      <c r="G5" s="240"/>
    </row>
    <row r="6" spans="1:7" x14ac:dyDescent="0.2">
      <c r="A6" s="240" t="s">
        <v>10</v>
      </c>
      <c r="B6" s="240"/>
      <c r="C6" s="240"/>
      <c r="D6" s="240"/>
      <c r="E6" s="240"/>
      <c r="F6" s="240"/>
      <c r="G6" s="240"/>
    </row>
    <row r="7" spans="1:7" x14ac:dyDescent="0.2">
      <c r="A7" s="240" t="s">
        <v>4</v>
      </c>
      <c r="B7" s="240"/>
      <c r="C7" s="240"/>
      <c r="D7" s="240"/>
      <c r="E7" s="240"/>
      <c r="F7" s="240"/>
      <c r="G7" s="240"/>
    </row>
    <row r="8" spans="1:7" x14ac:dyDescent="0.2">
      <c r="A8" s="240" t="s">
        <v>217</v>
      </c>
      <c r="B8" s="240"/>
      <c r="C8" s="240"/>
      <c r="D8" s="240"/>
      <c r="E8" s="240"/>
      <c r="F8" s="240"/>
      <c r="G8" s="240"/>
    </row>
    <row r="9" spans="1:7" x14ac:dyDescent="0.2">
      <c r="A9" s="57"/>
      <c r="B9" s="57"/>
      <c r="C9" s="57"/>
      <c r="D9" s="57"/>
      <c r="E9" s="57"/>
      <c r="F9" s="57"/>
      <c r="G9" s="57"/>
    </row>
    <row r="10" spans="1:7" x14ac:dyDescent="0.2">
      <c r="A10" s="56" t="s">
        <v>144</v>
      </c>
      <c r="B10" s="56"/>
      <c r="C10" s="56"/>
      <c r="D10" s="56"/>
      <c r="E10" s="56"/>
      <c r="F10" s="56"/>
      <c r="G10" s="182">
        <v>1</v>
      </c>
    </row>
    <row r="11" spans="1:7" ht="15" customHeight="1" x14ac:dyDescent="0.2">
      <c r="A11" s="229" t="s">
        <v>13</v>
      </c>
      <c r="B11" s="229"/>
      <c r="C11" s="229"/>
      <c r="D11" s="229"/>
      <c r="E11" s="232"/>
      <c r="F11" s="228" t="s">
        <v>54</v>
      </c>
      <c r="G11" s="229"/>
    </row>
    <row r="12" spans="1:7" ht="15" customHeight="1" x14ac:dyDescent="0.2">
      <c r="A12" s="233"/>
      <c r="B12" s="233"/>
      <c r="C12" s="233"/>
      <c r="D12" s="233"/>
      <c r="E12" s="234"/>
      <c r="F12" s="230" t="s">
        <v>37</v>
      </c>
      <c r="G12" s="231"/>
    </row>
    <row r="13" spans="1:7" ht="15" customHeight="1" x14ac:dyDescent="0.2">
      <c r="A13" s="233"/>
      <c r="B13" s="233"/>
      <c r="C13" s="233"/>
      <c r="D13" s="233"/>
      <c r="E13" s="234"/>
      <c r="F13" s="236" t="s">
        <v>55</v>
      </c>
      <c r="G13" s="1" t="s">
        <v>56</v>
      </c>
    </row>
    <row r="14" spans="1:7" ht="15" customHeight="1" x14ac:dyDescent="0.2">
      <c r="A14" s="233"/>
      <c r="B14" s="233"/>
      <c r="C14" s="233"/>
      <c r="D14" s="233"/>
      <c r="E14" s="234"/>
      <c r="F14" s="237"/>
      <c r="G14" s="17" t="s">
        <v>57</v>
      </c>
    </row>
    <row r="15" spans="1:7" ht="15" customHeight="1" x14ac:dyDescent="0.2">
      <c r="A15" s="233"/>
      <c r="B15" s="233"/>
      <c r="C15" s="233"/>
      <c r="D15" s="233"/>
      <c r="E15" s="234"/>
      <c r="F15" s="237"/>
      <c r="G15" s="17" t="s">
        <v>58</v>
      </c>
    </row>
    <row r="16" spans="1:7" ht="15" customHeight="1" x14ac:dyDescent="0.2">
      <c r="A16" s="233"/>
      <c r="B16" s="233"/>
      <c r="C16" s="233"/>
      <c r="D16" s="233"/>
      <c r="E16" s="234"/>
      <c r="F16" s="238" t="s">
        <v>63</v>
      </c>
      <c r="G16" s="59" t="s">
        <v>198</v>
      </c>
    </row>
    <row r="17" spans="1:7" ht="15" customHeight="1" x14ac:dyDescent="0.2">
      <c r="A17" s="231"/>
      <c r="B17" s="231"/>
      <c r="C17" s="231"/>
      <c r="D17" s="231"/>
      <c r="E17" s="235"/>
      <c r="F17" s="239"/>
      <c r="G17" s="60" t="s">
        <v>64</v>
      </c>
    </row>
    <row r="18" spans="1:7" ht="14.25" customHeight="1" x14ac:dyDescent="0.2">
      <c r="A18" s="61" t="s">
        <v>43</v>
      </c>
      <c r="B18" s="62"/>
      <c r="C18" s="62"/>
      <c r="D18" s="62"/>
      <c r="E18" s="62"/>
      <c r="F18" s="63">
        <v>6336434975.6400003</v>
      </c>
      <c r="G18" s="64">
        <v>570435317.74000001</v>
      </c>
    </row>
    <row r="19" spans="1:7" ht="14.25" customHeight="1" x14ac:dyDescent="0.2">
      <c r="A19" s="66" t="s">
        <v>145</v>
      </c>
      <c r="B19" s="62"/>
      <c r="C19" s="62"/>
      <c r="D19" s="62"/>
      <c r="E19" s="62"/>
      <c r="F19" s="67">
        <v>4479157452.0600004</v>
      </c>
      <c r="G19" s="68">
        <v>366014337.73000002</v>
      </c>
    </row>
    <row r="20" spans="1:7" ht="14.25" customHeight="1" x14ac:dyDescent="0.2">
      <c r="A20" s="66" t="s">
        <v>146</v>
      </c>
      <c r="B20" s="62"/>
      <c r="C20" s="62"/>
      <c r="D20" s="62"/>
      <c r="E20" s="62"/>
      <c r="F20" s="67">
        <v>1857277523.5799999</v>
      </c>
      <c r="G20" s="68">
        <v>204420980.00999999</v>
      </c>
    </row>
    <row r="21" spans="1:7" ht="14.25" customHeight="1" x14ac:dyDescent="0.2">
      <c r="A21" s="66" t="s">
        <v>147</v>
      </c>
      <c r="B21" s="62"/>
      <c r="C21" s="62"/>
      <c r="D21" s="62"/>
      <c r="E21" s="62"/>
      <c r="F21" s="67">
        <v>0</v>
      </c>
      <c r="G21" s="68">
        <v>0</v>
      </c>
    </row>
    <row r="22" spans="1:7" ht="14.25" customHeight="1" x14ac:dyDescent="0.2">
      <c r="A22" s="61" t="s">
        <v>68</v>
      </c>
      <c r="B22" s="61"/>
      <c r="C22" s="61"/>
      <c r="D22" s="61"/>
      <c r="E22" s="61"/>
      <c r="F22" s="69">
        <v>2105292105.2999997</v>
      </c>
      <c r="G22" s="69">
        <v>210126094.47</v>
      </c>
    </row>
    <row r="23" spans="1:7" ht="14.25" customHeight="1" x14ac:dyDescent="0.2">
      <c r="A23" s="66" t="s">
        <v>44</v>
      </c>
      <c r="B23" s="62"/>
      <c r="C23" s="62"/>
      <c r="D23" s="62"/>
      <c r="E23" s="62"/>
      <c r="F23" s="67">
        <v>21805263.949999996</v>
      </c>
      <c r="G23" s="68">
        <v>1942949.78</v>
      </c>
    </row>
    <row r="24" spans="1:7" ht="14.25" customHeight="1" x14ac:dyDescent="0.2">
      <c r="A24" s="66" t="s">
        <v>142</v>
      </c>
      <c r="B24" s="62"/>
      <c r="C24" s="62"/>
      <c r="D24" s="62"/>
      <c r="E24" s="62"/>
      <c r="F24" s="67">
        <v>122282.89</v>
      </c>
      <c r="G24" s="68">
        <v>16264.92</v>
      </c>
    </row>
    <row r="25" spans="1:7" ht="14.25" customHeight="1" x14ac:dyDescent="0.2">
      <c r="A25" s="66" t="s">
        <v>143</v>
      </c>
      <c r="B25" s="62"/>
      <c r="C25" s="62"/>
      <c r="D25" s="62"/>
      <c r="E25" s="62"/>
      <c r="F25" s="67">
        <v>109305991.22000001</v>
      </c>
      <c r="G25" s="68">
        <v>3745899.76</v>
      </c>
    </row>
    <row r="26" spans="1:7" ht="14.25" customHeight="1" x14ac:dyDescent="0.2">
      <c r="A26" s="66" t="s">
        <v>45</v>
      </c>
      <c r="B26" s="62"/>
      <c r="C26" s="62"/>
      <c r="D26" s="62"/>
      <c r="E26" s="62"/>
      <c r="F26" s="67">
        <v>1856246897.1299999</v>
      </c>
      <c r="G26" s="71">
        <v>204420980.00999999</v>
      </c>
    </row>
    <row r="27" spans="1:7" ht="14.25" customHeight="1" x14ac:dyDescent="0.2">
      <c r="A27" s="72" t="s">
        <v>204</v>
      </c>
      <c r="B27" s="73"/>
      <c r="C27" s="73"/>
      <c r="D27" s="73"/>
      <c r="E27" s="73"/>
      <c r="F27" s="74">
        <v>117811670.11</v>
      </c>
      <c r="G27" s="75">
        <v>0</v>
      </c>
    </row>
    <row r="28" spans="1:7" ht="14.25" customHeight="1" x14ac:dyDescent="0.2">
      <c r="A28" s="129" t="s">
        <v>65</v>
      </c>
      <c r="B28" s="130"/>
      <c r="C28" s="130"/>
      <c r="D28" s="130"/>
      <c r="E28" s="130"/>
      <c r="F28" s="131">
        <v>4231142870.3400006</v>
      </c>
      <c r="G28" s="132">
        <v>360309223.26999998</v>
      </c>
    </row>
    <row r="29" spans="1:7" x14ac:dyDescent="0.2">
      <c r="A29" s="76"/>
      <c r="B29" s="76"/>
      <c r="C29" s="76"/>
      <c r="D29" s="76"/>
      <c r="E29" s="76"/>
      <c r="F29" s="77"/>
      <c r="G29" s="77"/>
    </row>
    <row r="30" spans="1:7" ht="14.25" customHeight="1" x14ac:dyDescent="0.2">
      <c r="A30" s="224" t="s">
        <v>66</v>
      </c>
      <c r="B30" s="224"/>
      <c r="C30" s="224"/>
      <c r="D30" s="224"/>
      <c r="E30" s="224"/>
      <c r="F30" s="78" t="s">
        <v>3</v>
      </c>
      <c r="G30" s="78" t="s">
        <v>7</v>
      </c>
    </row>
    <row r="31" spans="1:7" ht="14.25" customHeight="1" x14ac:dyDescent="0.2">
      <c r="A31" s="142" t="s">
        <v>50</v>
      </c>
      <c r="B31" s="80"/>
      <c r="C31" s="80"/>
      <c r="D31" s="80"/>
      <c r="E31" s="80"/>
      <c r="F31" s="81">
        <v>8320781588.8699999</v>
      </c>
      <c r="G31" s="82"/>
    </row>
    <row r="32" spans="1:7" ht="14.25" customHeight="1" x14ac:dyDescent="0.2">
      <c r="A32" s="83" t="s">
        <v>159</v>
      </c>
      <c r="B32" s="84"/>
      <c r="C32" s="84"/>
      <c r="D32" s="84"/>
      <c r="E32" s="84"/>
      <c r="F32" s="85">
        <v>4591452093.6100006</v>
      </c>
      <c r="G32" s="140">
        <v>55.180538565651027</v>
      </c>
    </row>
    <row r="33" spans="1:7" ht="14.25" customHeight="1" x14ac:dyDescent="0.2">
      <c r="A33" s="225" t="s">
        <v>164</v>
      </c>
      <c r="B33" s="225"/>
      <c r="C33" s="225"/>
      <c r="D33" s="225"/>
      <c r="E33" s="226"/>
      <c r="F33" s="86">
        <v>4992468953.3219995</v>
      </c>
      <c r="G33" s="87">
        <v>60</v>
      </c>
    </row>
    <row r="34" spans="1:7" ht="14.25" customHeight="1" x14ac:dyDescent="0.2">
      <c r="A34" s="142" t="s">
        <v>196</v>
      </c>
      <c r="B34" s="79"/>
      <c r="C34" s="79"/>
      <c r="D34" s="79"/>
      <c r="E34" s="79"/>
      <c r="F34" s="86">
        <v>4742845505.655899</v>
      </c>
      <c r="G34" s="87">
        <v>57</v>
      </c>
    </row>
    <row r="35" spans="1:7" ht="14.25" customHeight="1" x14ac:dyDescent="0.2">
      <c r="A35" s="142" t="s">
        <v>197</v>
      </c>
      <c r="B35" s="79"/>
      <c r="C35" s="79"/>
      <c r="D35" s="79"/>
      <c r="E35" s="79"/>
      <c r="F35" s="86">
        <v>4493222057.9897995</v>
      </c>
      <c r="G35" s="87">
        <v>54</v>
      </c>
    </row>
    <row r="36" spans="1:7" s="70" customFormat="1" x14ac:dyDescent="0.2">
      <c r="A36" s="36" t="s">
        <v>260</v>
      </c>
      <c r="B36" s="88"/>
      <c r="C36" s="88"/>
      <c r="D36" s="88"/>
      <c r="E36" s="88"/>
      <c r="F36" s="88"/>
      <c r="G36" s="89">
        <v>42397.726854050925</v>
      </c>
    </row>
    <row r="37" spans="1:7" ht="36.75" customHeight="1" x14ac:dyDescent="0.2">
      <c r="A37" s="227" t="s">
        <v>156</v>
      </c>
      <c r="B37" s="227"/>
      <c r="C37" s="227"/>
      <c r="D37" s="227"/>
      <c r="E37" s="227"/>
      <c r="F37" s="227"/>
      <c r="G37" s="227"/>
    </row>
    <row r="38" spans="1:7" x14ac:dyDescent="0.2">
      <c r="A38" s="227" t="s">
        <v>157</v>
      </c>
      <c r="B38" s="227"/>
      <c r="C38" s="227"/>
      <c r="D38" s="227"/>
      <c r="E38" s="227"/>
      <c r="F38" s="227"/>
      <c r="G38" s="227"/>
    </row>
    <row r="48" spans="1:7" s="3" customFormat="1" x14ac:dyDescent="0.2"/>
    <row r="49" s="3" customFormat="1" x14ac:dyDescent="0.2"/>
    <row r="50" s="3" customFormat="1" x14ac:dyDescent="0.2"/>
    <row r="51" s="3" customFormat="1" x14ac:dyDescent="0.2"/>
    <row r="52" s="4" customFormat="1" x14ac:dyDescent="0.2"/>
    <row r="53" s="3" customFormat="1" x14ac:dyDescent="0.2"/>
    <row r="54" s="3" customFormat="1" x14ac:dyDescent="0.2"/>
    <row r="55" s="3" customFormat="1" x14ac:dyDescent="0.2"/>
    <row r="56" s="3" customFormat="1" x14ac:dyDescent="0.2"/>
    <row r="57" s="3" customFormat="1" x14ac:dyDescent="0.2"/>
    <row r="58" s="3" customFormat="1" x14ac:dyDescent="0.2"/>
  </sheetData>
  <customSheetViews>
    <customSheetView guid="{6D063188-16B5-4071-AE21-C7F6DB37AFBB}" showPageBreaks="1" showGridLines="0" fitToPage="1" printArea="1">
      <selection activeCell="I31" sqref="I31:I32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6C121633-ED4E-47D4-9C39-9D582FC532C7}" showPageBreaks="1" showGridLines="0" fitToPage="1" printArea="1" topLeftCell="A22">
      <selection activeCell="I31" sqref="I31:I32"/>
      <pageMargins left="0.19685039370078741" right="0.19685039370078741" top="0.59055118110236227" bottom="0.39370078740157483" header="0" footer="0"/>
      <printOptions horizontalCentered="1"/>
      <pageSetup paperSize="9" scale="78" orientation="portrait" r:id="rId2"/>
    </customSheetView>
    <customSheetView guid="{A3DDC128-A56B-4F45-A551-BA04BB179A3D}" showPageBreaks="1" showGridLines="0" fitToPage="1" printArea="1" topLeftCell="A22">
      <selection activeCell="I31" sqref="I31:I32"/>
      <pageMargins left="0.19685039370078741" right="0.19685039370078741" top="0.59055118110236227" bottom="0.39370078740157483" header="0" footer="0"/>
      <printOptions horizontalCentered="1"/>
      <pageSetup paperSize="9" scale="77" orientation="portrait" r:id="rId3"/>
    </customSheetView>
    <customSheetView guid="{2E3109D4-AAF5-4B4A-B3D6-6363C0BC1DF5}" showPageBreaks="1" showGridLines="0" fitToPage="1" printArea="1">
      <selection activeCell="J32" sqref="J32"/>
      <pageMargins left="0.19685039370078741" right="0.19685039370078741" top="0.59055118110236227" bottom="0.39370078740157483" header="0" footer="0"/>
      <printOptions horizontalCentered="1"/>
      <pageSetup paperSize="9" scale="77" orientation="portrait" r:id="rId4"/>
    </customSheetView>
    <customSheetView guid="{05BE6146-A9DF-4967-AF82-02B690EDB2A3}" showPageBreaks="1" showGridLines="0" fitToPage="1" printArea="1" topLeftCell="A34">
      <selection activeCell="J39" sqref="J39"/>
      <pageMargins left="0.19685039370078741" right="0.19685039370078741" top="0.59055118110236227" bottom="0.39370078740157483" header="0" footer="0"/>
      <printOptions horizontalCentered="1"/>
      <pageSetup paperSize="9" scale="77" orientation="portrait" r:id="rId5"/>
    </customSheetView>
    <customSheetView guid="{D8FEB5D0-D989-4C2B-BD50-DB181944A81F}" showPageBreaks="1" showGridLines="0" fitToPage="1" printArea="1">
      <selection activeCell="F19" sqref="F19"/>
      <pageMargins left="0.19685039370078741" right="0.19685039370078741" top="0.59055118110236227" bottom="0.39370078740157483" header="0" footer="0"/>
      <printOptions horizontalCentered="1"/>
      <pageSetup paperSize="9" scale="78" orientation="portrait" r:id="rId6"/>
    </customSheetView>
  </customSheetViews>
  <mergeCells count="15">
    <mergeCell ref="A8:G8"/>
    <mergeCell ref="A3:G3"/>
    <mergeCell ref="A4:G4"/>
    <mergeCell ref="A5:G5"/>
    <mergeCell ref="A6:G6"/>
    <mergeCell ref="A7:G7"/>
    <mergeCell ref="A30:E30"/>
    <mergeCell ref="A33:E33"/>
    <mergeCell ref="A37:G37"/>
    <mergeCell ref="A38:G38"/>
    <mergeCell ref="F11:G11"/>
    <mergeCell ref="F12:G12"/>
    <mergeCell ref="A11:E17"/>
    <mergeCell ref="F13:F15"/>
    <mergeCell ref="F16:F17"/>
  </mergeCells>
  <printOptions horizontalCentered="1"/>
  <pageMargins left="0.19685039370078741" right="0.19685039370078741" top="0.39370078740157483" bottom="0.19685039370078741" header="0" footer="0"/>
  <pageSetup paperSize="9" scale="77" orientation="portrait" r:id="rId7"/>
  <drawing r:id="rId8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G59"/>
  <sheetViews>
    <sheetView showGridLines="0" zoomScaleNormal="90" workbookViewId="0">
      <selection activeCell="F22" sqref="F22"/>
    </sheetView>
  </sheetViews>
  <sheetFormatPr defaultRowHeight="10.5" x14ac:dyDescent="0.2"/>
  <cols>
    <col min="1" max="1" width="65.7109375" style="58" customWidth="1"/>
    <col min="2" max="5" width="5.7109375" style="58" customWidth="1"/>
    <col min="6" max="7" width="20.7109375" style="58" customWidth="1"/>
    <col min="8" max="16384" width="9.140625" style="58"/>
  </cols>
  <sheetData>
    <row r="1" spans="1:7" x14ac:dyDescent="0.2">
      <c r="A1" s="56"/>
      <c r="B1" s="56"/>
      <c r="C1" s="56"/>
      <c r="D1" s="56"/>
      <c r="E1" s="56"/>
      <c r="F1" s="57"/>
      <c r="G1" s="57"/>
    </row>
    <row r="2" spans="1:7" x14ac:dyDescent="0.2">
      <c r="A2" s="56"/>
      <c r="B2" s="56"/>
      <c r="C2" s="56"/>
      <c r="D2" s="56"/>
      <c r="E2" s="56"/>
      <c r="F2" s="57"/>
      <c r="G2" s="57"/>
    </row>
    <row r="3" spans="1:7" x14ac:dyDescent="0.2">
      <c r="A3" s="240" t="s">
        <v>199</v>
      </c>
      <c r="B3" s="240"/>
      <c r="C3" s="240"/>
      <c r="D3" s="240"/>
      <c r="E3" s="240"/>
      <c r="F3" s="240"/>
      <c r="G3" s="240"/>
    </row>
    <row r="4" spans="1:7" x14ac:dyDescent="0.2">
      <c r="A4" s="240" t="s">
        <v>201</v>
      </c>
      <c r="B4" s="240"/>
      <c r="C4" s="240"/>
      <c r="D4" s="240"/>
      <c r="E4" s="240"/>
      <c r="F4" s="240"/>
      <c r="G4" s="240"/>
    </row>
    <row r="5" spans="1:7" x14ac:dyDescent="0.2">
      <c r="A5" s="240" t="s">
        <v>0</v>
      </c>
      <c r="B5" s="240"/>
      <c r="C5" s="240"/>
      <c r="D5" s="240"/>
      <c r="E5" s="240"/>
      <c r="F5" s="240"/>
      <c r="G5" s="240"/>
    </row>
    <row r="6" spans="1:7" x14ac:dyDescent="0.2">
      <c r="A6" s="240" t="s">
        <v>10</v>
      </c>
      <c r="B6" s="240"/>
      <c r="C6" s="240"/>
      <c r="D6" s="240"/>
      <c r="E6" s="240"/>
      <c r="F6" s="240"/>
      <c r="G6" s="240"/>
    </row>
    <row r="7" spans="1:7" x14ac:dyDescent="0.2">
      <c r="A7" s="240" t="s">
        <v>4</v>
      </c>
      <c r="B7" s="240"/>
      <c r="C7" s="240"/>
      <c r="D7" s="240"/>
      <c r="E7" s="240"/>
      <c r="F7" s="240"/>
      <c r="G7" s="240"/>
    </row>
    <row r="8" spans="1:7" x14ac:dyDescent="0.2">
      <c r="A8" s="240" t="s">
        <v>217</v>
      </c>
      <c r="B8" s="240"/>
      <c r="C8" s="240"/>
      <c r="D8" s="240"/>
      <c r="E8" s="240"/>
      <c r="F8" s="240"/>
      <c r="G8" s="240"/>
    </row>
    <row r="9" spans="1:7" x14ac:dyDescent="0.2">
      <c r="A9" s="57"/>
      <c r="B9" s="57"/>
      <c r="C9" s="57"/>
      <c r="D9" s="57"/>
      <c r="E9" s="57"/>
      <c r="F9" s="57"/>
      <c r="G9" s="57"/>
    </row>
    <row r="10" spans="1:7" x14ac:dyDescent="0.2">
      <c r="A10" s="56" t="s">
        <v>144</v>
      </c>
      <c r="B10" s="56"/>
      <c r="C10" s="56"/>
      <c r="D10" s="56"/>
      <c r="E10" s="56"/>
      <c r="F10" s="56"/>
      <c r="G10" s="182">
        <v>1</v>
      </c>
    </row>
    <row r="11" spans="1:7" ht="15" customHeight="1" x14ac:dyDescent="0.2">
      <c r="A11" s="229" t="s">
        <v>13</v>
      </c>
      <c r="B11" s="229"/>
      <c r="C11" s="229"/>
      <c r="D11" s="229"/>
      <c r="E11" s="232"/>
      <c r="F11" s="228" t="s">
        <v>54</v>
      </c>
      <c r="G11" s="229"/>
    </row>
    <row r="12" spans="1:7" ht="15" customHeight="1" x14ac:dyDescent="0.2">
      <c r="A12" s="233"/>
      <c r="B12" s="233"/>
      <c r="C12" s="233"/>
      <c r="D12" s="233"/>
      <c r="E12" s="234"/>
      <c r="F12" s="230" t="s">
        <v>37</v>
      </c>
      <c r="G12" s="231"/>
    </row>
    <row r="13" spans="1:7" ht="15" customHeight="1" x14ac:dyDescent="0.2">
      <c r="A13" s="233"/>
      <c r="B13" s="233"/>
      <c r="C13" s="233"/>
      <c r="D13" s="233"/>
      <c r="E13" s="234"/>
      <c r="F13" s="236" t="s">
        <v>55</v>
      </c>
      <c r="G13" s="1" t="s">
        <v>56</v>
      </c>
    </row>
    <row r="14" spans="1:7" ht="15" customHeight="1" x14ac:dyDescent="0.2">
      <c r="A14" s="233"/>
      <c r="B14" s="233"/>
      <c r="C14" s="233"/>
      <c r="D14" s="233"/>
      <c r="E14" s="234"/>
      <c r="F14" s="237"/>
      <c r="G14" s="17" t="s">
        <v>57</v>
      </c>
    </row>
    <row r="15" spans="1:7" ht="15" customHeight="1" x14ac:dyDescent="0.2">
      <c r="A15" s="233"/>
      <c r="B15" s="233"/>
      <c r="C15" s="233"/>
      <c r="D15" s="233"/>
      <c r="E15" s="234"/>
      <c r="F15" s="237"/>
      <c r="G15" s="17" t="s">
        <v>58</v>
      </c>
    </row>
    <row r="16" spans="1:7" ht="15" customHeight="1" x14ac:dyDescent="0.2">
      <c r="A16" s="233"/>
      <c r="B16" s="233"/>
      <c r="C16" s="233"/>
      <c r="D16" s="233"/>
      <c r="E16" s="234"/>
      <c r="F16" s="238" t="s">
        <v>63</v>
      </c>
      <c r="G16" s="59" t="s">
        <v>198</v>
      </c>
    </row>
    <row r="17" spans="1:7" ht="15" customHeight="1" x14ac:dyDescent="0.2">
      <c r="A17" s="231"/>
      <c r="B17" s="231"/>
      <c r="C17" s="231"/>
      <c r="D17" s="231"/>
      <c r="E17" s="235"/>
      <c r="F17" s="239"/>
      <c r="G17" s="60" t="s">
        <v>64</v>
      </c>
    </row>
    <row r="18" spans="1:7" ht="14.25" customHeight="1" x14ac:dyDescent="0.2">
      <c r="A18" s="61" t="s">
        <v>43</v>
      </c>
      <c r="B18" s="62"/>
      <c r="C18" s="62"/>
      <c r="D18" s="62"/>
      <c r="E18" s="62"/>
      <c r="F18" s="63">
        <v>5099817503.6599998</v>
      </c>
      <c r="G18" s="64">
        <v>570435317.74000001</v>
      </c>
    </row>
    <row r="19" spans="1:7" ht="14.25" customHeight="1" x14ac:dyDescent="0.2">
      <c r="A19" s="66" t="s">
        <v>145</v>
      </c>
      <c r="B19" s="62"/>
      <c r="C19" s="62"/>
      <c r="D19" s="62"/>
      <c r="E19" s="62"/>
      <c r="F19" s="67">
        <v>3512496969.5300002</v>
      </c>
      <c r="G19" s="68">
        <v>366014337.73000002</v>
      </c>
    </row>
    <row r="20" spans="1:7" ht="14.25" customHeight="1" x14ac:dyDescent="0.2">
      <c r="A20" s="66" t="s">
        <v>146</v>
      </c>
      <c r="B20" s="62"/>
      <c r="C20" s="62"/>
      <c r="D20" s="62"/>
      <c r="E20" s="62"/>
      <c r="F20" s="67">
        <v>1587320534.1299999</v>
      </c>
      <c r="G20" s="185">
        <v>204420980.00999999</v>
      </c>
    </row>
    <row r="21" spans="1:7" ht="14.25" customHeight="1" x14ac:dyDescent="0.2">
      <c r="A21" s="66" t="s">
        <v>147</v>
      </c>
      <c r="B21" s="62"/>
      <c r="C21" s="62"/>
      <c r="D21" s="62"/>
      <c r="E21" s="62"/>
      <c r="F21" s="67">
        <v>0</v>
      </c>
      <c r="G21" s="68">
        <v>0</v>
      </c>
    </row>
    <row r="22" spans="1:7" ht="14.25" customHeight="1" x14ac:dyDescent="0.2">
      <c r="A22" s="61" t="s">
        <v>68</v>
      </c>
      <c r="B22" s="61"/>
      <c r="C22" s="61"/>
      <c r="D22" s="61"/>
      <c r="E22" s="61"/>
      <c r="F22" s="125">
        <v>1667744012.3999999</v>
      </c>
      <c r="G22" s="69">
        <v>210126094.47</v>
      </c>
    </row>
    <row r="23" spans="1:7" ht="14.25" customHeight="1" x14ac:dyDescent="0.2">
      <c r="A23" s="66" t="s">
        <v>44</v>
      </c>
      <c r="B23" s="62"/>
      <c r="C23" s="62"/>
      <c r="D23" s="62"/>
      <c r="E23" s="62"/>
      <c r="F23" s="67">
        <v>17832056.299999997</v>
      </c>
      <c r="G23" s="68">
        <v>1942949.78</v>
      </c>
    </row>
    <row r="24" spans="1:7" ht="14.25" customHeight="1" x14ac:dyDescent="0.2">
      <c r="A24" s="66" t="s">
        <v>142</v>
      </c>
      <c r="B24" s="62"/>
      <c r="C24" s="62"/>
      <c r="D24" s="62"/>
      <c r="E24" s="62"/>
      <c r="F24" s="67">
        <v>122282.89</v>
      </c>
      <c r="G24" s="68">
        <v>16264.92</v>
      </c>
    </row>
    <row r="25" spans="1:7" ht="14.25" customHeight="1" x14ac:dyDescent="0.2">
      <c r="A25" s="66" t="s">
        <v>143</v>
      </c>
      <c r="B25" s="62"/>
      <c r="C25" s="62"/>
      <c r="D25" s="62"/>
      <c r="E25" s="62"/>
      <c r="F25" s="67">
        <v>62469139.079999998</v>
      </c>
      <c r="G25" s="68">
        <v>3745899.76</v>
      </c>
    </row>
    <row r="26" spans="1:7" ht="14.25" customHeight="1" x14ac:dyDescent="0.2">
      <c r="A26" s="66" t="s">
        <v>45</v>
      </c>
      <c r="B26" s="62"/>
      <c r="C26" s="62"/>
      <c r="D26" s="62"/>
      <c r="E26" s="62"/>
      <c r="F26" s="67">
        <v>1587320534.1299999</v>
      </c>
      <c r="G26" s="185">
        <v>204420980.00999999</v>
      </c>
    </row>
    <row r="27" spans="1:7" ht="14.25" customHeight="1" x14ac:dyDescent="0.2">
      <c r="A27" s="72" t="s">
        <v>204</v>
      </c>
      <c r="B27" s="73"/>
      <c r="C27" s="73"/>
      <c r="D27" s="73"/>
      <c r="E27" s="73"/>
      <c r="F27" s="74">
        <v>0</v>
      </c>
      <c r="G27" s="75"/>
    </row>
    <row r="28" spans="1:7" ht="14.25" customHeight="1" x14ac:dyDescent="0.2">
      <c r="A28" s="129" t="s">
        <v>65</v>
      </c>
      <c r="B28" s="130"/>
      <c r="C28" s="130"/>
      <c r="D28" s="130"/>
      <c r="E28" s="130"/>
      <c r="F28" s="131">
        <v>3432073491.2600002</v>
      </c>
      <c r="G28" s="132">
        <v>360309223.26999998</v>
      </c>
    </row>
    <row r="29" spans="1:7" x14ac:dyDescent="0.2">
      <c r="A29" s="76"/>
      <c r="B29" s="76"/>
      <c r="C29" s="76"/>
      <c r="D29" s="76"/>
      <c r="E29" s="76"/>
      <c r="F29" s="126"/>
      <c r="G29" s="126"/>
    </row>
    <row r="30" spans="1:7" ht="14.25" customHeight="1" x14ac:dyDescent="0.2">
      <c r="A30" s="224" t="s">
        <v>66</v>
      </c>
      <c r="B30" s="224"/>
      <c r="C30" s="224"/>
      <c r="D30" s="224"/>
      <c r="E30" s="224"/>
      <c r="F30" s="127" t="s">
        <v>3</v>
      </c>
      <c r="G30" s="127" t="s">
        <v>7</v>
      </c>
    </row>
    <row r="31" spans="1:7" ht="14.25" customHeight="1" x14ac:dyDescent="0.2">
      <c r="A31" s="79" t="s">
        <v>50</v>
      </c>
      <c r="B31" s="80"/>
      <c r="C31" s="80"/>
      <c r="D31" s="80"/>
      <c r="E31" s="80"/>
      <c r="F31" s="81">
        <v>8320781588.8699999</v>
      </c>
      <c r="G31" s="82"/>
    </row>
    <row r="32" spans="1:7" ht="14.25" customHeight="1" x14ac:dyDescent="0.2">
      <c r="A32" s="83" t="s">
        <v>159</v>
      </c>
      <c r="B32" s="84"/>
      <c r="C32" s="84"/>
      <c r="D32" s="84"/>
      <c r="E32" s="84"/>
      <c r="F32" s="85">
        <v>3792382714.5300002</v>
      </c>
      <c r="G32" s="127">
        <v>45.577241440909191</v>
      </c>
    </row>
    <row r="33" spans="1:7" ht="14.25" customHeight="1" x14ac:dyDescent="0.2">
      <c r="A33" s="225" t="s">
        <v>164</v>
      </c>
      <c r="B33" s="225"/>
      <c r="C33" s="225"/>
      <c r="D33" s="225"/>
      <c r="E33" s="226"/>
      <c r="F33" s="86">
        <v>4077182978.5462999</v>
      </c>
      <c r="G33" s="128">
        <v>49</v>
      </c>
    </row>
    <row r="34" spans="1:7" ht="14.25" customHeight="1" x14ac:dyDescent="0.2">
      <c r="A34" s="79" t="s">
        <v>196</v>
      </c>
      <c r="B34" s="79"/>
      <c r="C34" s="79"/>
      <c r="D34" s="79"/>
      <c r="E34" s="79"/>
      <c r="F34" s="86">
        <v>3873323829.6189847</v>
      </c>
      <c r="G34" s="128">
        <v>46.55</v>
      </c>
    </row>
    <row r="35" spans="1:7" ht="14.25" customHeight="1" x14ac:dyDescent="0.2">
      <c r="A35" s="79" t="s">
        <v>197</v>
      </c>
      <c r="B35" s="79"/>
      <c r="C35" s="79"/>
      <c r="D35" s="79"/>
      <c r="E35" s="79"/>
      <c r="F35" s="86">
        <v>3669464680.6916699</v>
      </c>
      <c r="G35" s="128">
        <v>44.1</v>
      </c>
    </row>
    <row r="36" spans="1:7" s="70" customFormat="1" x14ac:dyDescent="0.2">
      <c r="A36" s="36" t="s">
        <v>260</v>
      </c>
      <c r="B36" s="88"/>
      <c r="C36" s="88"/>
      <c r="D36" s="88"/>
      <c r="E36" s="88"/>
      <c r="F36" s="88"/>
      <c r="G36" s="89">
        <v>42397.728864351855</v>
      </c>
    </row>
    <row r="37" spans="1:7" ht="35.25" customHeight="1" x14ac:dyDescent="0.2">
      <c r="A37" s="227" t="s">
        <v>156</v>
      </c>
      <c r="B37" s="227"/>
      <c r="C37" s="227"/>
      <c r="D37" s="227"/>
      <c r="E37" s="227"/>
      <c r="F37" s="227"/>
      <c r="G37" s="227"/>
    </row>
    <row r="38" spans="1:7" x14ac:dyDescent="0.2">
      <c r="A38" s="227" t="s">
        <v>157</v>
      </c>
      <c r="B38" s="227"/>
      <c r="C38" s="227"/>
      <c r="D38" s="227"/>
      <c r="E38" s="227"/>
      <c r="F38" s="227"/>
      <c r="G38" s="227"/>
    </row>
    <row r="48" spans="1:7" s="3" customFormat="1" x14ac:dyDescent="0.2"/>
    <row r="49" spans="1:7" s="3" customFormat="1" x14ac:dyDescent="0.2">
      <c r="A49" s="4"/>
      <c r="B49" s="4"/>
      <c r="C49" s="11"/>
      <c r="D49" s="4"/>
    </row>
    <row r="50" spans="1:7" s="3" customFormat="1" x14ac:dyDescent="0.2"/>
    <row r="51" spans="1:7" s="3" customFormat="1" x14ac:dyDescent="0.2"/>
    <row r="52" spans="1:7" s="3" customFormat="1" x14ac:dyDescent="0.2">
      <c r="A52" s="4"/>
      <c r="B52" s="4"/>
      <c r="C52" s="4"/>
      <c r="D52" s="4"/>
      <c r="E52" s="4"/>
      <c r="F52" s="4"/>
      <c r="G52" s="4"/>
    </row>
    <row r="53" spans="1:7" s="3" customFormat="1" x14ac:dyDescent="0.2"/>
    <row r="54" spans="1:7" s="3" customFormat="1" x14ac:dyDescent="0.2"/>
    <row r="55" spans="1:7" s="3" customFormat="1" x14ac:dyDescent="0.2"/>
    <row r="56" spans="1:7" s="3" customFormat="1" x14ac:dyDescent="0.2">
      <c r="A56" s="5"/>
      <c r="B56" s="5"/>
      <c r="C56" s="5"/>
      <c r="D56" s="5"/>
    </row>
    <row r="57" spans="1:7" s="3" customFormat="1" x14ac:dyDescent="0.2">
      <c r="A57" s="5"/>
      <c r="B57" s="5"/>
      <c r="C57" s="5"/>
      <c r="D57" s="5"/>
    </row>
    <row r="58" spans="1:7" s="3" customFormat="1" x14ac:dyDescent="0.2">
      <c r="A58" s="5"/>
      <c r="B58" s="5"/>
      <c r="C58" s="5"/>
      <c r="D58" s="5"/>
    </row>
    <row r="59" spans="1:7" s="3" customFormat="1" x14ac:dyDescent="0.2">
      <c r="A59" s="5"/>
      <c r="B59" s="5"/>
      <c r="C59" s="5"/>
      <c r="D59" s="5"/>
    </row>
  </sheetData>
  <customSheetViews>
    <customSheetView guid="{6D063188-16B5-4071-AE21-C7F6DB37AFBB}" showPageBreaks="1" showGridLines="0" fitToPage="1" printArea="1">
      <selection activeCell="A39" sqref="A39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6C121633-ED4E-47D4-9C39-9D582FC532C7}" showPageBreaks="1" showGridLines="0" fitToPage="1" printArea="1" topLeftCell="A16">
      <selection activeCell="A39" sqref="A39"/>
      <pageMargins left="0.19685039370078741" right="0.19685039370078741" top="0.59055118110236227" bottom="0.39370078740157483" header="0" footer="0"/>
      <printOptions horizontalCentered="1"/>
      <pageSetup paperSize="9" scale="78" orientation="portrait" r:id="rId2"/>
    </customSheetView>
    <customSheetView guid="{A3DDC128-A56B-4F45-A551-BA04BB179A3D}" showPageBreaks="1" showGridLines="0" fitToPage="1" printArea="1" topLeftCell="A16">
      <selection activeCell="A39" sqref="A39"/>
      <pageMargins left="0.19685039370078741" right="0.19685039370078741" top="0.59055118110236227" bottom="0.39370078740157483" header="0" footer="0"/>
      <printOptions horizontalCentered="1"/>
      <pageSetup paperSize="9" scale="77" orientation="portrait" r:id="rId3"/>
    </customSheetView>
    <customSheetView guid="{2E3109D4-AAF5-4B4A-B3D6-6363C0BC1DF5}" showPageBreaks="1" showGridLines="0" fitToPage="1" printArea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7" orientation="portrait" r:id="rId4"/>
    </customSheetView>
    <customSheetView guid="{05BE6146-A9DF-4967-AF82-02B690EDB2A3}" showPageBreaks="1" showGridLines="0" fitToPage="1" printArea="1" topLeftCell="A31">
      <selection activeCell="H28" sqref="H28"/>
      <pageMargins left="0.19685039370078741" right="0.19685039370078741" top="0.59055118110236227" bottom="0.39370078740157483" header="0" footer="0"/>
      <printOptions horizontalCentered="1"/>
      <pageSetup paperSize="9" scale="77" orientation="portrait" r:id="rId5"/>
    </customSheetView>
    <customSheetView guid="{D8FEB5D0-D989-4C2B-BD50-DB181944A81F}" showPageBreaks="1" showGridLines="0" fitToPage="1" printArea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8" orientation="portrait" r:id="rId6"/>
    </customSheetView>
  </customSheetViews>
  <mergeCells count="15">
    <mergeCell ref="A37:G37"/>
    <mergeCell ref="A38:G38"/>
    <mergeCell ref="F11:G11"/>
    <mergeCell ref="F12:G12"/>
    <mergeCell ref="A30:E30"/>
    <mergeCell ref="A33:E33"/>
    <mergeCell ref="A11:E17"/>
    <mergeCell ref="F13:F15"/>
    <mergeCell ref="F16:F17"/>
    <mergeCell ref="A8:G8"/>
    <mergeCell ref="A3:G3"/>
    <mergeCell ref="A4:G4"/>
    <mergeCell ref="A5:G5"/>
    <mergeCell ref="A6:G6"/>
    <mergeCell ref="A7:G7"/>
  </mergeCells>
  <printOptions horizontalCentered="1"/>
  <pageMargins left="0.19685039370078741" right="0.19685039370078741" top="0.39370078740157483" bottom="0.19685039370078741" header="0" footer="0"/>
  <pageSetup paperSize="9" scale="77" orientation="portrait" r:id="rId7"/>
  <drawing r:id="rId8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M116"/>
  <sheetViews>
    <sheetView showGridLines="0" zoomScaleNormal="100" workbookViewId="0"/>
  </sheetViews>
  <sheetFormatPr defaultRowHeight="10.5" x14ac:dyDescent="0.2"/>
  <cols>
    <col min="1" max="1" width="60" style="16" customWidth="1"/>
    <col min="2" max="3" width="8.7109375" style="4" customWidth="1"/>
    <col min="4" max="4" width="8.7109375" style="22" customWidth="1"/>
    <col min="5" max="13" width="8.7109375" style="4" customWidth="1"/>
    <col min="14" max="16384" width="9.140625" style="4"/>
  </cols>
  <sheetData>
    <row r="1" spans="1:13" s="5" customFormat="1" ht="11.1" customHeight="1" x14ac:dyDescent="0.2">
      <c r="A1" s="148"/>
      <c r="E1" s="2"/>
    </row>
    <row r="2" spans="1:13" s="5" customFormat="1" ht="11.1" customHeight="1" x14ac:dyDescent="0.2">
      <c r="A2" s="148"/>
      <c r="E2" s="2"/>
    </row>
    <row r="3" spans="1:13" ht="12" customHeight="1" x14ac:dyDescent="0.2">
      <c r="A3" s="240" t="s">
        <v>199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  <c r="M3" s="240"/>
    </row>
    <row r="4" spans="1:13" ht="12" customHeight="1" x14ac:dyDescent="0.2">
      <c r="A4" s="240" t="s">
        <v>0</v>
      </c>
      <c r="B4" s="240"/>
      <c r="C4" s="240"/>
      <c r="D4" s="240"/>
      <c r="E4" s="240"/>
      <c r="F4" s="240"/>
      <c r="G4" s="240"/>
      <c r="H4" s="240"/>
      <c r="I4" s="240"/>
      <c r="J4" s="240"/>
      <c r="K4" s="240"/>
      <c r="L4" s="240"/>
      <c r="M4" s="240"/>
    </row>
    <row r="5" spans="1:13" ht="12" customHeight="1" x14ac:dyDescent="0.2">
      <c r="A5" s="308" t="s">
        <v>19</v>
      </c>
      <c r="B5" s="308"/>
      <c r="C5" s="308"/>
      <c r="D5" s="308"/>
      <c r="E5" s="308"/>
      <c r="F5" s="308"/>
      <c r="G5" s="308"/>
      <c r="H5" s="308"/>
      <c r="I5" s="308"/>
      <c r="J5" s="308"/>
      <c r="K5" s="308"/>
      <c r="L5" s="308"/>
      <c r="M5" s="308"/>
    </row>
    <row r="6" spans="1:13" ht="12" customHeight="1" x14ac:dyDescent="0.2">
      <c r="A6" s="240" t="s">
        <v>4</v>
      </c>
      <c r="B6" s="240"/>
      <c r="C6" s="240"/>
      <c r="D6" s="240"/>
      <c r="E6" s="240"/>
      <c r="F6" s="240"/>
      <c r="G6" s="240"/>
      <c r="H6" s="240"/>
      <c r="I6" s="240"/>
      <c r="J6" s="240"/>
      <c r="K6" s="240"/>
      <c r="L6" s="240"/>
      <c r="M6" s="240"/>
    </row>
    <row r="7" spans="1:13" ht="12" customHeight="1" x14ac:dyDescent="0.2">
      <c r="A7" s="240" t="s">
        <v>217</v>
      </c>
      <c r="B7" s="240"/>
      <c r="C7" s="240"/>
      <c r="D7" s="240"/>
      <c r="E7" s="240"/>
      <c r="F7" s="240"/>
      <c r="G7" s="240"/>
      <c r="H7" s="240"/>
      <c r="I7" s="240"/>
      <c r="J7" s="240"/>
      <c r="K7" s="240"/>
      <c r="L7" s="240"/>
      <c r="M7" s="240"/>
    </row>
    <row r="8" spans="1:13" ht="12" customHeight="1" x14ac:dyDescent="0.2">
      <c r="A8" s="54"/>
      <c r="B8" s="21"/>
      <c r="C8" s="21"/>
      <c r="D8" s="21"/>
      <c r="E8" s="21"/>
    </row>
    <row r="9" spans="1:13" ht="12" customHeight="1" x14ac:dyDescent="0.2">
      <c r="A9" s="23" t="s">
        <v>148</v>
      </c>
      <c r="E9" s="6"/>
      <c r="G9" s="6"/>
      <c r="M9" s="6">
        <v>1</v>
      </c>
    </row>
    <row r="10" spans="1:13" ht="15" customHeight="1" x14ac:dyDescent="0.2">
      <c r="A10" s="253" t="s">
        <v>106</v>
      </c>
      <c r="B10" s="251" t="s">
        <v>34</v>
      </c>
      <c r="C10" s="252"/>
      <c r="D10" s="253"/>
      <c r="E10" s="270" t="s">
        <v>202</v>
      </c>
      <c r="F10" s="246"/>
      <c r="G10" s="246"/>
      <c r="H10" s="246"/>
      <c r="I10" s="246"/>
      <c r="J10" s="246"/>
      <c r="K10" s="246"/>
      <c r="L10" s="246"/>
      <c r="M10" s="246"/>
    </row>
    <row r="11" spans="1:13" ht="15" customHeight="1" x14ac:dyDescent="0.2">
      <c r="A11" s="256"/>
      <c r="B11" s="254" t="s">
        <v>35</v>
      </c>
      <c r="C11" s="255"/>
      <c r="D11" s="256"/>
      <c r="E11" s="270" t="s">
        <v>24</v>
      </c>
      <c r="F11" s="246"/>
      <c r="G11" s="271"/>
      <c r="H11" s="270" t="s">
        <v>25</v>
      </c>
      <c r="I11" s="246"/>
      <c r="J11" s="271"/>
      <c r="K11" s="270" t="s">
        <v>26</v>
      </c>
      <c r="L11" s="246"/>
      <c r="M11" s="246"/>
    </row>
    <row r="12" spans="1:13" s="24" customFormat="1" ht="15" customHeight="1" x14ac:dyDescent="0.2">
      <c r="A12" s="23" t="s">
        <v>18</v>
      </c>
      <c r="B12" s="257">
        <v>8602359025.3500004</v>
      </c>
      <c r="C12" s="258"/>
      <c r="D12" s="259"/>
      <c r="E12" s="257">
        <v>8732763384.960001</v>
      </c>
      <c r="F12" s="258"/>
      <c r="G12" s="259"/>
      <c r="H12" s="257">
        <v>8978267911.7399998</v>
      </c>
      <c r="I12" s="258"/>
      <c r="J12" s="259"/>
      <c r="K12" s="257">
        <v>9026222019.1700001</v>
      </c>
      <c r="L12" s="258"/>
      <c r="M12" s="258"/>
    </row>
    <row r="13" spans="1:13" ht="15" customHeight="1" x14ac:dyDescent="0.2">
      <c r="A13" s="16" t="s">
        <v>28</v>
      </c>
      <c r="B13" s="260">
        <v>0</v>
      </c>
      <c r="C13" s="261"/>
      <c r="D13" s="262"/>
      <c r="E13" s="260">
        <v>0</v>
      </c>
      <c r="F13" s="261"/>
      <c r="G13" s="262"/>
      <c r="H13" s="260">
        <v>0</v>
      </c>
      <c r="I13" s="261"/>
      <c r="J13" s="262"/>
      <c r="K13" s="260">
        <v>0</v>
      </c>
      <c r="L13" s="261"/>
      <c r="M13" s="261"/>
    </row>
    <row r="14" spans="1:13" ht="15" customHeight="1" x14ac:dyDescent="0.2">
      <c r="A14" s="16" t="s">
        <v>29</v>
      </c>
      <c r="B14" s="260">
        <v>8155814679.3699999</v>
      </c>
      <c r="C14" s="261"/>
      <c r="D14" s="262"/>
      <c r="E14" s="260">
        <v>8211237892.7700005</v>
      </c>
      <c r="F14" s="261"/>
      <c r="G14" s="262"/>
      <c r="H14" s="260">
        <v>8501254063.6900005</v>
      </c>
      <c r="I14" s="261"/>
      <c r="J14" s="262"/>
      <c r="K14" s="260">
        <v>8458097520.7700005</v>
      </c>
      <c r="L14" s="261"/>
      <c r="M14" s="261"/>
    </row>
    <row r="15" spans="1:13" ht="15" customHeight="1" x14ac:dyDescent="0.2">
      <c r="A15" s="144" t="s">
        <v>140</v>
      </c>
      <c r="B15" s="260">
        <v>7272745638.1700001</v>
      </c>
      <c r="C15" s="261"/>
      <c r="D15" s="262"/>
      <c r="E15" s="260">
        <v>7222148703.5200005</v>
      </c>
      <c r="F15" s="261"/>
      <c r="G15" s="262"/>
      <c r="H15" s="260">
        <v>7286566768.4899988</v>
      </c>
      <c r="I15" s="261"/>
      <c r="J15" s="262"/>
      <c r="K15" s="260">
        <v>7178231764.3899994</v>
      </c>
      <c r="L15" s="261"/>
      <c r="M15" s="261"/>
    </row>
    <row r="16" spans="1:13" ht="15" customHeight="1" x14ac:dyDescent="0.2">
      <c r="A16" s="144" t="s">
        <v>141</v>
      </c>
      <c r="B16" s="260">
        <v>883069041.20000005</v>
      </c>
      <c r="C16" s="261"/>
      <c r="D16" s="262"/>
      <c r="E16" s="260">
        <v>989089189.25</v>
      </c>
      <c r="F16" s="261"/>
      <c r="G16" s="262"/>
      <c r="H16" s="260">
        <v>1214687295.2</v>
      </c>
      <c r="I16" s="261"/>
      <c r="J16" s="262"/>
      <c r="K16" s="260">
        <v>1279865756.3800001</v>
      </c>
      <c r="L16" s="261"/>
      <c r="M16" s="261"/>
    </row>
    <row r="17" spans="1:13" ht="15" customHeight="1" x14ac:dyDescent="0.2">
      <c r="A17" s="16" t="s">
        <v>203</v>
      </c>
      <c r="B17" s="260">
        <v>446544345.98000002</v>
      </c>
      <c r="C17" s="261"/>
      <c r="D17" s="262"/>
      <c r="E17" s="260">
        <v>521525492.19</v>
      </c>
      <c r="F17" s="261"/>
      <c r="G17" s="262"/>
      <c r="H17" s="260">
        <v>477013848.05000001</v>
      </c>
      <c r="I17" s="261"/>
      <c r="J17" s="262"/>
      <c r="K17" s="260">
        <v>568124498.4000001</v>
      </c>
      <c r="L17" s="261"/>
      <c r="M17" s="261"/>
    </row>
    <row r="18" spans="1:13" ht="15" customHeight="1" x14ac:dyDescent="0.2">
      <c r="A18" s="16" t="s">
        <v>32</v>
      </c>
      <c r="B18" s="260">
        <v>0</v>
      </c>
      <c r="C18" s="261"/>
      <c r="D18" s="262"/>
      <c r="E18" s="260">
        <v>0</v>
      </c>
      <c r="F18" s="261"/>
      <c r="G18" s="262"/>
      <c r="H18" s="260">
        <v>0</v>
      </c>
      <c r="I18" s="261"/>
      <c r="J18" s="262"/>
      <c r="K18" s="260">
        <v>0</v>
      </c>
      <c r="L18" s="261"/>
      <c r="M18" s="261"/>
    </row>
    <row r="19" spans="1:13" ht="15" customHeight="1" x14ac:dyDescent="0.2">
      <c r="A19" s="23" t="s">
        <v>22</v>
      </c>
      <c r="B19" s="282">
        <v>609938356.0200001</v>
      </c>
      <c r="C19" s="283"/>
      <c r="D19" s="284"/>
      <c r="E19" s="282">
        <v>1077995529.6400001</v>
      </c>
      <c r="F19" s="283"/>
      <c r="G19" s="284"/>
      <c r="H19" s="282">
        <v>952651449.79999995</v>
      </c>
      <c r="I19" s="283"/>
      <c r="J19" s="284"/>
      <c r="K19" s="282">
        <v>1398759873.6299999</v>
      </c>
      <c r="L19" s="283"/>
      <c r="M19" s="283"/>
    </row>
    <row r="20" spans="1:13" ht="15" customHeight="1" x14ac:dyDescent="0.2">
      <c r="A20" s="16" t="s">
        <v>104</v>
      </c>
      <c r="B20" s="260">
        <v>755342169.3900001</v>
      </c>
      <c r="C20" s="261"/>
      <c r="D20" s="262"/>
      <c r="E20" s="260">
        <v>1156920301.4000001</v>
      </c>
      <c r="F20" s="261"/>
      <c r="G20" s="262"/>
      <c r="H20" s="260">
        <v>1011348215.99</v>
      </c>
      <c r="I20" s="261"/>
      <c r="J20" s="262"/>
      <c r="K20" s="260">
        <v>1435283492.02</v>
      </c>
      <c r="L20" s="261"/>
      <c r="M20" s="261"/>
    </row>
    <row r="21" spans="1:13" ht="15" customHeight="1" x14ac:dyDescent="0.2">
      <c r="A21" s="16" t="s">
        <v>105</v>
      </c>
      <c r="B21" s="260">
        <v>0</v>
      </c>
      <c r="C21" s="261"/>
      <c r="D21" s="262"/>
      <c r="E21" s="260">
        <v>0</v>
      </c>
      <c r="F21" s="261"/>
      <c r="G21" s="262"/>
      <c r="H21" s="260">
        <v>0</v>
      </c>
      <c r="I21" s="261"/>
      <c r="J21" s="262"/>
      <c r="K21" s="260">
        <v>0</v>
      </c>
      <c r="L21" s="261"/>
      <c r="M21" s="261"/>
    </row>
    <row r="22" spans="1:13" ht="15" customHeight="1" x14ac:dyDescent="0.2">
      <c r="A22" s="16" t="s">
        <v>103</v>
      </c>
      <c r="B22" s="279">
        <v>145403813.37</v>
      </c>
      <c r="C22" s="280"/>
      <c r="D22" s="281"/>
      <c r="E22" s="299">
        <v>78924771.760000005</v>
      </c>
      <c r="F22" s="300"/>
      <c r="G22" s="301"/>
      <c r="H22" s="299">
        <v>58696766.189999998</v>
      </c>
      <c r="I22" s="300"/>
      <c r="J22" s="301"/>
      <c r="K22" s="279">
        <v>36523618.390000001</v>
      </c>
      <c r="L22" s="280"/>
      <c r="M22" s="280"/>
    </row>
    <row r="23" spans="1:13" ht="15" customHeight="1" x14ac:dyDescent="0.2">
      <c r="A23" s="25" t="s">
        <v>39</v>
      </c>
      <c r="B23" s="266">
        <v>7992420669.3299999</v>
      </c>
      <c r="C23" s="267"/>
      <c r="D23" s="268"/>
      <c r="E23" s="266">
        <v>7654767855.3200006</v>
      </c>
      <c r="F23" s="267"/>
      <c r="G23" s="268"/>
      <c r="H23" s="266">
        <v>8025616461.9399996</v>
      </c>
      <c r="I23" s="267"/>
      <c r="J23" s="268"/>
      <c r="K23" s="266">
        <v>7627462145.54</v>
      </c>
      <c r="L23" s="267"/>
      <c r="M23" s="267"/>
    </row>
    <row r="24" spans="1:13" ht="15" customHeight="1" x14ac:dyDescent="0.2">
      <c r="A24" s="26" t="s">
        <v>1</v>
      </c>
      <c r="B24" s="263">
        <v>8099122726.4700003</v>
      </c>
      <c r="C24" s="264"/>
      <c r="D24" s="265"/>
      <c r="E24" s="263">
        <v>8126448704.0600004</v>
      </c>
      <c r="F24" s="264"/>
      <c r="G24" s="265"/>
      <c r="H24" s="263">
        <v>8277846556.6599998</v>
      </c>
      <c r="I24" s="264"/>
      <c r="J24" s="264"/>
      <c r="K24" s="263">
        <v>8320781588.8699999</v>
      </c>
      <c r="L24" s="264"/>
      <c r="M24" s="264"/>
    </row>
    <row r="25" spans="1:13" ht="15" customHeight="1" x14ac:dyDescent="0.2">
      <c r="A25" s="27" t="s">
        <v>51</v>
      </c>
      <c r="B25" s="263">
        <v>106.21346676517562</v>
      </c>
      <c r="C25" s="264"/>
      <c r="D25" s="265"/>
      <c r="E25" s="263">
        <v>107.46100422189441</v>
      </c>
      <c r="F25" s="264"/>
      <c r="G25" s="265"/>
      <c r="H25" s="263">
        <v>108.46139572998572</v>
      </c>
      <c r="I25" s="264"/>
      <c r="J25" s="265"/>
      <c r="K25" s="263">
        <v>108.47805488902158</v>
      </c>
      <c r="L25" s="264"/>
      <c r="M25" s="264"/>
    </row>
    <row r="26" spans="1:13" ht="15" customHeight="1" x14ac:dyDescent="0.2">
      <c r="A26" s="28" t="s">
        <v>52</v>
      </c>
      <c r="B26" s="266">
        <v>98.682547965457161</v>
      </c>
      <c r="C26" s="267"/>
      <c r="D26" s="268"/>
      <c r="E26" s="266">
        <v>94.195732159062956</v>
      </c>
      <c r="F26" s="267"/>
      <c r="G26" s="268"/>
      <c r="H26" s="266">
        <v>96.952950347731843</v>
      </c>
      <c r="I26" s="267"/>
      <c r="J26" s="268"/>
      <c r="K26" s="266">
        <v>91.667616366022713</v>
      </c>
      <c r="L26" s="267"/>
      <c r="M26" s="267"/>
    </row>
    <row r="27" spans="1:13" ht="15" customHeight="1" x14ac:dyDescent="0.2">
      <c r="A27" s="29" t="s">
        <v>205</v>
      </c>
      <c r="B27" s="263">
        <v>16198245452.940001</v>
      </c>
      <c r="C27" s="264"/>
      <c r="D27" s="265"/>
      <c r="E27" s="263">
        <v>16252897408.120001</v>
      </c>
      <c r="F27" s="264"/>
      <c r="G27" s="265"/>
      <c r="H27" s="263">
        <v>16555693113.32</v>
      </c>
      <c r="I27" s="264"/>
      <c r="J27" s="265"/>
      <c r="K27" s="263">
        <v>16641563177.74</v>
      </c>
      <c r="L27" s="264"/>
      <c r="M27" s="264"/>
    </row>
    <row r="28" spans="1:13" ht="15" customHeight="1" x14ac:dyDescent="0.2">
      <c r="A28" s="29" t="s">
        <v>206</v>
      </c>
      <c r="B28" s="263">
        <v>14578420907.646</v>
      </c>
      <c r="C28" s="264"/>
      <c r="D28" s="265"/>
      <c r="E28" s="263">
        <v>14627607667.308001</v>
      </c>
      <c r="F28" s="264"/>
      <c r="G28" s="265"/>
      <c r="H28" s="263">
        <v>14900123801.988001</v>
      </c>
      <c r="I28" s="264"/>
      <c r="J28" s="265"/>
      <c r="K28" s="263">
        <v>14977406859.966</v>
      </c>
      <c r="L28" s="264"/>
      <c r="M28" s="264"/>
    </row>
    <row r="29" spans="1:13" s="33" customFormat="1" ht="15" customHeight="1" x14ac:dyDescent="0.2">
      <c r="A29" s="30"/>
      <c r="B29" s="138">
        <v>609938356.0200001</v>
      </c>
      <c r="C29" s="31">
        <v>1077995529.6400001</v>
      </c>
      <c r="D29" s="31">
        <v>952651449.79999995</v>
      </c>
      <c r="E29" s="31">
        <v>1398759873.6299999</v>
      </c>
      <c r="F29" s="32"/>
      <c r="G29" s="32"/>
    </row>
    <row r="30" spans="1:13" ht="15" customHeight="1" x14ac:dyDescent="0.2">
      <c r="A30" s="253" t="s">
        <v>107</v>
      </c>
      <c r="B30" s="251" t="s">
        <v>34</v>
      </c>
      <c r="C30" s="252"/>
      <c r="D30" s="253"/>
      <c r="E30" s="270" t="s">
        <v>202</v>
      </c>
      <c r="F30" s="246"/>
      <c r="G30" s="246"/>
      <c r="H30" s="246"/>
      <c r="I30" s="246"/>
      <c r="J30" s="246"/>
      <c r="K30" s="246"/>
      <c r="L30" s="246"/>
      <c r="M30" s="246"/>
    </row>
    <row r="31" spans="1:13" ht="15" customHeight="1" x14ac:dyDescent="0.2">
      <c r="A31" s="256"/>
      <c r="B31" s="254" t="s">
        <v>35</v>
      </c>
      <c r="C31" s="255"/>
      <c r="D31" s="256"/>
      <c r="E31" s="270" t="s">
        <v>24</v>
      </c>
      <c r="F31" s="246"/>
      <c r="G31" s="271"/>
      <c r="H31" s="270" t="s">
        <v>25</v>
      </c>
      <c r="I31" s="246"/>
      <c r="J31" s="271"/>
      <c r="K31" s="270" t="s">
        <v>26</v>
      </c>
      <c r="L31" s="246"/>
      <c r="M31" s="246"/>
    </row>
    <row r="32" spans="1:13" ht="15" customHeight="1" x14ac:dyDescent="0.2">
      <c r="A32" s="23" t="s">
        <v>131</v>
      </c>
      <c r="B32" s="272">
        <v>8155814679.3699999</v>
      </c>
      <c r="C32" s="273"/>
      <c r="D32" s="274"/>
      <c r="E32" s="272">
        <v>8211237892.7700005</v>
      </c>
      <c r="F32" s="273"/>
      <c r="G32" s="274"/>
      <c r="H32" s="272">
        <v>8501254063.6900005</v>
      </c>
      <c r="I32" s="273"/>
      <c r="J32" s="274"/>
      <c r="K32" s="272">
        <v>8458097520.7700005</v>
      </c>
      <c r="L32" s="273"/>
      <c r="M32" s="273"/>
    </row>
    <row r="33" spans="1:13" ht="15" customHeight="1" x14ac:dyDescent="0.2">
      <c r="A33" s="148" t="s">
        <v>132</v>
      </c>
      <c r="B33" s="275">
        <v>0</v>
      </c>
      <c r="C33" s="276"/>
      <c r="D33" s="277"/>
      <c r="E33" s="275">
        <v>0</v>
      </c>
      <c r="F33" s="276"/>
      <c r="G33" s="277"/>
      <c r="H33" s="275">
        <v>0</v>
      </c>
      <c r="I33" s="276"/>
      <c r="J33" s="277"/>
      <c r="K33" s="275">
        <v>0</v>
      </c>
      <c r="L33" s="276"/>
      <c r="M33" s="276"/>
    </row>
    <row r="34" spans="1:13" ht="15" customHeight="1" x14ac:dyDescent="0.2">
      <c r="A34" s="23" t="s">
        <v>133</v>
      </c>
      <c r="B34" s="275">
        <v>94123805.310000002</v>
      </c>
      <c r="C34" s="276"/>
      <c r="D34" s="277"/>
      <c r="E34" s="275">
        <v>92523506.760000005</v>
      </c>
      <c r="F34" s="276"/>
      <c r="G34" s="277"/>
      <c r="H34" s="275">
        <v>94169050.359999999</v>
      </c>
      <c r="I34" s="276"/>
      <c r="J34" s="277"/>
      <c r="K34" s="275">
        <v>93431090.909999996</v>
      </c>
      <c r="L34" s="276"/>
      <c r="M34" s="276"/>
    </row>
    <row r="35" spans="1:13" ht="15" customHeight="1" x14ac:dyDescent="0.2">
      <c r="A35" s="16" t="s">
        <v>111</v>
      </c>
      <c r="B35" s="285">
        <v>0</v>
      </c>
      <c r="C35" s="286"/>
      <c r="D35" s="287"/>
      <c r="E35" s="285">
        <v>0</v>
      </c>
      <c r="F35" s="286"/>
      <c r="G35" s="287"/>
      <c r="H35" s="285">
        <v>0</v>
      </c>
      <c r="I35" s="286"/>
      <c r="J35" s="287"/>
      <c r="K35" s="285">
        <v>0</v>
      </c>
      <c r="L35" s="286"/>
      <c r="M35" s="286"/>
    </row>
    <row r="36" spans="1:13" ht="15" customHeight="1" x14ac:dyDescent="0.2">
      <c r="A36" s="144" t="s">
        <v>108</v>
      </c>
      <c r="B36" s="285">
        <v>94123805.310000002</v>
      </c>
      <c r="C36" s="286"/>
      <c r="D36" s="287"/>
      <c r="E36" s="285">
        <v>92523506.760000005</v>
      </c>
      <c r="F36" s="286"/>
      <c r="G36" s="287"/>
      <c r="H36" s="285">
        <v>94169050.359999999</v>
      </c>
      <c r="I36" s="286"/>
      <c r="J36" s="287"/>
      <c r="K36" s="285">
        <v>93431090.909999996</v>
      </c>
      <c r="L36" s="286"/>
      <c r="M36" s="286"/>
    </row>
    <row r="37" spans="1:13" ht="15" customHeight="1" x14ac:dyDescent="0.2">
      <c r="A37" s="144" t="s">
        <v>112</v>
      </c>
      <c r="B37" s="285">
        <v>18094254.52</v>
      </c>
      <c r="C37" s="286"/>
      <c r="D37" s="287"/>
      <c r="E37" s="285">
        <v>17793968.809999999</v>
      </c>
      <c r="F37" s="286"/>
      <c r="G37" s="287"/>
      <c r="H37" s="285">
        <v>17112106.879999999</v>
      </c>
      <c r="I37" s="286"/>
      <c r="J37" s="287"/>
      <c r="K37" s="285">
        <v>16197815.92</v>
      </c>
      <c r="L37" s="286"/>
      <c r="M37" s="286"/>
    </row>
    <row r="38" spans="1:13" ht="15" customHeight="1" x14ac:dyDescent="0.2">
      <c r="A38" s="144" t="s">
        <v>109</v>
      </c>
      <c r="B38" s="285">
        <v>76029550.790000007</v>
      </c>
      <c r="C38" s="286"/>
      <c r="D38" s="287"/>
      <c r="E38" s="285">
        <v>74729537.950000003</v>
      </c>
      <c r="F38" s="286"/>
      <c r="G38" s="287"/>
      <c r="H38" s="285">
        <v>77056943.480000004</v>
      </c>
      <c r="I38" s="286"/>
      <c r="J38" s="287"/>
      <c r="K38" s="285">
        <v>77233274.989999995</v>
      </c>
      <c r="L38" s="286"/>
      <c r="M38" s="286"/>
    </row>
    <row r="39" spans="1:13" ht="15" customHeight="1" x14ac:dyDescent="0.2">
      <c r="A39" s="144" t="s">
        <v>110</v>
      </c>
      <c r="B39" s="285">
        <v>0</v>
      </c>
      <c r="C39" s="286"/>
      <c r="D39" s="287"/>
      <c r="E39" s="285">
        <v>0</v>
      </c>
      <c r="F39" s="286"/>
      <c r="G39" s="287"/>
      <c r="H39" s="285">
        <v>0</v>
      </c>
      <c r="I39" s="286"/>
      <c r="J39" s="287"/>
      <c r="K39" s="285">
        <v>0</v>
      </c>
      <c r="L39" s="286"/>
      <c r="M39" s="286"/>
    </row>
    <row r="40" spans="1:13" ht="15" customHeight="1" x14ac:dyDescent="0.2">
      <c r="A40" s="144" t="s">
        <v>128</v>
      </c>
      <c r="B40" s="285">
        <v>0</v>
      </c>
      <c r="C40" s="286"/>
      <c r="D40" s="287"/>
      <c r="E40" s="285">
        <v>0</v>
      </c>
      <c r="F40" s="286"/>
      <c r="G40" s="287"/>
      <c r="H40" s="285">
        <v>0</v>
      </c>
      <c r="I40" s="286"/>
      <c r="J40" s="287"/>
      <c r="K40" s="285">
        <v>0</v>
      </c>
      <c r="L40" s="286"/>
      <c r="M40" s="286"/>
    </row>
    <row r="41" spans="1:13" ht="15" customHeight="1" x14ac:dyDescent="0.2">
      <c r="A41" s="34" t="s">
        <v>134</v>
      </c>
      <c r="B41" s="275">
        <v>1971489642.3500001</v>
      </c>
      <c r="C41" s="276"/>
      <c r="D41" s="277"/>
      <c r="E41" s="275">
        <v>2066616860.2</v>
      </c>
      <c r="F41" s="276"/>
      <c r="G41" s="277"/>
      <c r="H41" s="275">
        <v>2293464393.7799997</v>
      </c>
      <c r="I41" s="276"/>
      <c r="J41" s="277"/>
      <c r="K41" s="275">
        <v>2368640838.3600001</v>
      </c>
      <c r="L41" s="276"/>
      <c r="M41" s="276"/>
    </row>
    <row r="42" spans="1:13" ht="15" customHeight="1" x14ac:dyDescent="0.2">
      <c r="A42" s="144" t="s">
        <v>129</v>
      </c>
      <c r="B42" s="285">
        <v>1088420601.1500001</v>
      </c>
      <c r="C42" s="286"/>
      <c r="D42" s="287"/>
      <c r="E42" s="285">
        <v>1077527670.95</v>
      </c>
      <c r="F42" s="286"/>
      <c r="G42" s="287"/>
      <c r="H42" s="285">
        <v>1078777098.5799999</v>
      </c>
      <c r="I42" s="286"/>
      <c r="J42" s="287"/>
      <c r="K42" s="285">
        <v>1088775081.98</v>
      </c>
      <c r="L42" s="286"/>
      <c r="M42" s="286"/>
    </row>
    <row r="43" spans="1:13" ht="15" customHeight="1" x14ac:dyDescent="0.2">
      <c r="A43" s="144" t="s">
        <v>130</v>
      </c>
      <c r="B43" s="285">
        <v>883069041.20000005</v>
      </c>
      <c r="C43" s="286"/>
      <c r="D43" s="287"/>
      <c r="E43" s="285">
        <v>989089189.25</v>
      </c>
      <c r="F43" s="286"/>
      <c r="G43" s="287"/>
      <c r="H43" s="285">
        <v>1214687295.2</v>
      </c>
      <c r="I43" s="286"/>
      <c r="J43" s="287"/>
      <c r="K43" s="285">
        <v>1279865756.3800001</v>
      </c>
      <c r="L43" s="286"/>
      <c r="M43" s="286"/>
    </row>
    <row r="44" spans="1:13" ht="15" customHeight="1" x14ac:dyDescent="0.2">
      <c r="A44" s="35" t="s">
        <v>135</v>
      </c>
      <c r="B44" s="288">
        <v>6090201231.71</v>
      </c>
      <c r="C44" s="289"/>
      <c r="D44" s="290"/>
      <c r="E44" s="288">
        <v>6052097525.8100004</v>
      </c>
      <c r="F44" s="289"/>
      <c r="G44" s="290"/>
      <c r="H44" s="288">
        <v>6113620619.5500002</v>
      </c>
      <c r="I44" s="289"/>
      <c r="J44" s="290"/>
      <c r="K44" s="288">
        <v>5996025591.5</v>
      </c>
      <c r="L44" s="289"/>
      <c r="M44" s="289"/>
    </row>
    <row r="45" spans="1:13" ht="15" customHeight="1" x14ac:dyDescent="0.2">
      <c r="A45" s="144"/>
      <c r="B45" s="291"/>
      <c r="C45" s="291"/>
      <c r="D45" s="291"/>
      <c r="E45" s="36"/>
      <c r="F45" s="2"/>
      <c r="G45" s="2"/>
      <c r="H45" s="16"/>
      <c r="I45" s="16"/>
      <c r="J45" s="16"/>
    </row>
    <row r="46" spans="1:13" ht="15" customHeight="1" x14ac:dyDescent="0.2">
      <c r="A46" s="253" t="s">
        <v>113</v>
      </c>
      <c r="B46" s="251" t="s">
        <v>34</v>
      </c>
      <c r="C46" s="252"/>
      <c r="D46" s="253"/>
      <c r="E46" s="270" t="s">
        <v>202</v>
      </c>
      <c r="F46" s="246"/>
      <c r="G46" s="246"/>
      <c r="H46" s="246"/>
      <c r="I46" s="246"/>
      <c r="J46" s="246"/>
      <c r="K46" s="246"/>
      <c r="L46" s="246"/>
      <c r="M46" s="246"/>
    </row>
    <row r="47" spans="1:13" ht="15" customHeight="1" x14ac:dyDescent="0.2">
      <c r="A47" s="269"/>
      <c r="B47" s="254" t="s">
        <v>35</v>
      </c>
      <c r="C47" s="255"/>
      <c r="D47" s="256"/>
      <c r="E47" s="270" t="s">
        <v>24</v>
      </c>
      <c r="F47" s="246"/>
      <c r="G47" s="271"/>
      <c r="H47" s="270" t="s">
        <v>25</v>
      </c>
      <c r="I47" s="246"/>
      <c r="J47" s="271"/>
      <c r="K47" s="270" t="s">
        <v>26</v>
      </c>
      <c r="L47" s="246"/>
      <c r="M47" s="246"/>
    </row>
    <row r="48" spans="1:13" ht="15" customHeight="1" x14ac:dyDescent="0.2">
      <c r="A48" s="37" t="s">
        <v>114</v>
      </c>
      <c r="B48" s="292">
        <v>588394.53</v>
      </c>
      <c r="C48" s="293"/>
      <c r="D48" s="294"/>
      <c r="E48" s="292">
        <v>0</v>
      </c>
      <c r="F48" s="293"/>
      <c r="G48" s="294"/>
      <c r="H48" s="292"/>
      <c r="I48" s="293"/>
      <c r="J48" s="294"/>
      <c r="K48" s="292"/>
      <c r="L48" s="293"/>
      <c r="M48" s="293"/>
    </row>
    <row r="49" spans="1:13" ht="15" customHeight="1" x14ac:dyDescent="0.2">
      <c r="A49" s="38" t="s">
        <v>115</v>
      </c>
      <c r="B49" s="260" t="s">
        <v>262</v>
      </c>
      <c r="C49" s="261"/>
      <c r="D49" s="262"/>
      <c r="E49" s="260" t="s">
        <v>262</v>
      </c>
      <c r="F49" s="261"/>
      <c r="G49" s="262"/>
      <c r="H49" s="260" t="s">
        <v>262</v>
      </c>
      <c r="I49" s="261"/>
      <c r="J49" s="262"/>
      <c r="K49" s="260" t="s">
        <v>262</v>
      </c>
      <c r="L49" s="261"/>
      <c r="M49" s="261"/>
    </row>
    <row r="50" spans="1:13" ht="15" customHeight="1" x14ac:dyDescent="0.2">
      <c r="A50" s="38" t="s">
        <v>116</v>
      </c>
      <c r="B50" s="260"/>
      <c r="C50" s="261"/>
      <c r="D50" s="262"/>
      <c r="E50" s="260"/>
      <c r="F50" s="261"/>
      <c r="G50" s="262"/>
      <c r="H50" s="260"/>
      <c r="I50" s="261"/>
      <c r="J50" s="262"/>
      <c r="K50" s="260"/>
      <c r="L50" s="261"/>
      <c r="M50" s="261"/>
    </row>
    <row r="51" spans="1:13" ht="15" customHeight="1" x14ac:dyDescent="0.2">
      <c r="A51" s="38" t="s">
        <v>117</v>
      </c>
      <c r="B51" s="260">
        <v>113506559.32000001</v>
      </c>
      <c r="C51" s="261"/>
      <c r="D51" s="262"/>
      <c r="E51" s="295">
        <v>38283348.630000003</v>
      </c>
      <c r="F51" s="296"/>
      <c r="G51" s="297"/>
      <c r="H51" s="295">
        <v>24554156.27</v>
      </c>
      <c r="I51" s="296"/>
      <c r="J51" s="297"/>
      <c r="K51" s="260">
        <v>7267194.7400000002</v>
      </c>
      <c r="L51" s="261"/>
      <c r="M51" s="261"/>
    </row>
    <row r="52" spans="1:13" ht="15" customHeight="1" x14ac:dyDescent="0.2">
      <c r="A52" s="39" t="s">
        <v>118</v>
      </c>
      <c r="B52" s="279"/>
      <c r="C52" s="280"/>
      <c r="D52" s="281"/>
      <c r="E52" s="279"/>
      <c r="F52" s="280"/>
      <c r="G52" s="281"/>
      <c r="H52" s="279"/>
      <c r="I52" s="280"/>
      <c r="J52" s="281"/>
      <c r="K52" s="279"/>
      <c r="L52" s="280"/>
      <c r="M52" s="280"/>
    </row>
    <row r="53" spans="1:13" ht="15" customHeight="1" x14ac:dyDescent="0.2">
      <c r="A53" s="40"/>
      <c r="B53" s="36"/>
      <c r="C53" s="36"/>
      <c r="D53" s="36"/>
      <c r="E53" s="36"/>
      <c r="F53" s="2"/>
      <c r="G53" s="2"/>
    </row>
    <row r="54" spans="1:13" ht="15" customHeight="1" x14ac:dyDescent="0.2">
      <c r="A54" s="298" t="s">
        <v>23</v>
      </c>
      <c r="B54" s="298"/>
      <c r="C54" s="298"/>
      <c r="D54" s="298"/>
      <c r="E54" s="298"/>
      <c r="F54" s="298"/>
      <c r="G54" s="298"/>
      <c r="H54" s="298"/>
      <c r="I54" s="298"/>
      <c r="J54" s="298"/>
      <c r="K54" s="298"/>
      <c r="L54" s="298"/>
      <c r="M54" s="298"/>
    </row>
    <row r="55" spans="1:13" ht="15" customHeight="1" x14ac:dyDescent="0.2">
      <c r="A55" s="278" t="s">
        <v>119</v>
      </c>
      <c r="B55" s="251" t="s">
        <v>34</v>
      </c>
      <c r="C55" s="252"/>
      <c r="D55" s="253"/>
      <c r="E55" s="270" t="s">
        <v>202</v>
      </c>
      <c r="F55" s="246"/>
      <c r="G55" s="246"/>
      <c r="H55" s="246"/>
      <c r="I55" s="246"/>
      <c r="J55" s="246"/>
      <c r="K55" s="246"/>
      <c r="L55" s="246"/>
      <c r="M55" s="246"/>
    </row>
    <row r="56" spans="1:13" ht="15" customHeight="1" x14ac:dyDescent="0.2">
      <c r="A56" s="256"/>
      <c r="B56" s="254" t="s">
        <v>35</v>
      </c>
      <c r="C56" s="255"/>
      <c r="D56" s="256"/>
      <c r="E56" s="270" t="s">
        <v>24</v>
      </c>
      <c r="F56" s="246"/>
      <c r="G56" s="271"/>
      <c r="H56" s="270" t="s">
        <v>25</v>
      </c>
      <c r="I56" s="246"/>
      <c r="J56" s="271"/>
      <c r="K56" s="270" t="s">
        <v>26</v>
      </c>
      <c r="L56" s="246"/>
      <c r="M56" s="246"/>
    </row>
    <row r="57" spans="1:13" ht="15" customHeight="1" x14ac:dyDescent="0.2">
      <c r="A57" s="23" t="s">
        <v>136</v>
      </c>
      <c r="B57" s="272">
        <v>44598835.219999999</v>
      </c>
      <c r="C57" s="273"/>
      <c r="D57" s="274"/>
      <c r="E57" s="272">
        <v>44598835.219999999</v>
      </c>
      <c r="F57" s="273"/>
      <c r="G57" s="274"/>
      <c r="H57" s="272">
        <v>44598835.219999999</v>
      </c>
      <c r="I57" s="273"/>
      <c r="J57" s="274"/>
      <c r="K57" s="272">
        <v>44598835.219999999</v>
      </c>
      <c r="L57" s="273"/>
      <c r="M57" s="273"/>
    </row>
    <row r="58" spans="1:13" ht="15" customHeight="1" x14ac:dyDescent="0.2">
      <c r="A58" s="16" t="s">
        <v>41</v>
      </c>
      <c r="B58" s="285">
        <v>44598835.219999999</v>
      </c>
      <c r="C58" s="286"/>
      <c r="D58" s="287"/>
      <c r="E58" s="285">
        <v>44598835.219999999</v>
      </c>
      <c r="F58" s="286"/>
      <c r="G58" s="287"/>
      <c r="H58" s="285">
        <v>44598835.219999999</v>
      </c>
      <c r="I58" s="286"/>
      <c r="J58" s="287"/>
      <c r="K58" s="285">
        <v>44598835.219999999</v>
      </c>
      <c r="L58" s="286"/>
      <c r="M58" s="286"/>
    </row>
    <row r="59" spans="1:13" ht="15" customHeight="1" x14ac:dyDescent="0.2">
      <c r="A59" s="16" t="s">
        <v>40</v>
      </c>
      <c r="B59" s="285">
        <v>0</v>
      </c>
      <c r="C59" s="286"/>
      <c r="D59" s="287"/>
      <c r="E59" s="285">
        <v>0</v>
      </c>
      <c r="F59" s="286"/>
      <c r="G59" s="287"/>
      <c r="H59" s="285">
        <v>0</v>
      </c>
      <c r="I59" s="286"/>
      <c r="J59" s="287"/>
      <c r="K59" s="285">
        <v>0</v>
      </c>
      <c r="L59" s="286"/>
      <c r="M59" s="286"/>
    </row>
    <row r="60" spans="1:13" ht="15" customHeight="1" x14ac:dyDescent="0.2">
      <c r="A60" s="23" t="s">
        <v>137</v>
      </c>
      <c r="B60" s="275">
        <v>32803010.439999998</v>
      </c>
      <c r="C60" s="276"/>
      <c r="D60" s="277"/>
      <c r="E60" s="275">
        <v>221551259.13</v>
      </c>
      <c r="F60" s="276"/>
      <c r="G60" s="277"/>
      <c r="H60" s="275">
        <v>149608732.34</v>
      </c>
      <c r="I60" s="276"/>
      <c r="J60" s="277"/>
      <c r="K60" s="275">
        <v>558260090.15999997</v>
      </c>
      <c r="L60" s="276"/>
      <c r="M60" s="276"/>
    </row>
    <row r="61" spans="1:13" ht="15" customHeight="1" x14ac:dyDescent="0.2">
      <c r="A61" s="16" t="s">
        <v>139</v>
      </c>
      <c r="B61" s="285">
        <v>564137.87</v>
      </c>
      <c r="C61" s="286"/>
      <c r="D61" s="287"/>
      <c r="E61" s="285">
        <v>177612454.53</v>
      </c>
      <c r="F61" s="286"/>
      <c r="G61" s="287"/>
      <c r="H61" s="285">
        <v>71759039.569999993</v>
      </c>
      <c r="I61" s="286"/>
      <c r="J61" s="287"/>
      <c r="K61" s="285">
        <v>27758385.850000001</v>
      </c>
      <c r="L61" s="286"/>
      <c r="M61" s="286"/>
    </row>
    <row r="62" spans="1:13" ht="15" customHeight="1" x14ac:dyDescent="0.2">
      <c r="A62" s="16" t="s">
        <v>42</v>
      </c>
      <c r="B62" s="285">
        <v>44034697.350000001</v>
      </c>
      <c r="C62" s="286"/>
      <c r="D62" s="287"/>
      <c r="E62" s="285">
        <v>55734629.380000003</v>
      </c>
      <c r="F62" s="286"/>
      <c r="G62" s="287"/>
      <c r="H62" s="285">
        <v>89645517.549999997</v>
      </c>
      <c r="I62" s="286"/>
      <c r="J62" s="287"/>
      <c r="K62" s="285">
        <v>532035161.77999997</v>
      </c>
      <c r="L62" s="286"/>
      <c r="M62" s="286"/>
    </row>
    <row r="63" spans="1:13" ht="15" customHeight="1" x14ac:dyDescent="0.2">
      <c r="A63" s="16" t="s">
        <v>105</v>
      </c>
      <c r="B63" s="285">
        <v>0</v>
      </c>
      <c r="C63" s="286"/>
      <c r="D63" s="287"/>
      <c r="E63" s="285">
        <v>0</v>
      </c>
      <c r="F63" s="286"/>
      <c r="G63" s="287"/>
      <c r="H63" s="285">
        <v>0</v>
      </c>
      <c r="I63" s="286"/>
      <c r="J63" s="287"/>
      <c r="K63" s="285">
        <v>0</v>
      </c>
      <c r="L63" s="286"/>
      <c r="M63" s="286"/>
    </row>
    <row r="64" spans="1:13" ht="15" customHeight="1" x14ac:dyDescent="0.2">
      <c r="A64" s="16" t="s">
        <v>38</v>
      </c>
      <c r="B64" s="285">
        <v>11795824.779999999</v>
      </c>
      <c r="C64" s="286"/>
      <c r="D64" s="287"/>
      <c r="E64" s="285">
        <v>11795824.779999999</v>
      </c>
      <c r="F64" s="286"/>
      <c r="G64" s="287"/>
      <c r="H64" s="285">
        <v>11795824.779999999</v>
      </c>
      <c r="I64" s="286"/>
      <c r="J64" s="287"/>
      <c r="K64" s="285">
        <v>1533457.47</v>
      </c>
      <c r="L64" s="286"/>
      <c r="M64" s="286"/>
    </row>
    <row r="65" spans="1:13" ht="15" customHeight="1" x14ac:dyDescent="0.2">
      <c r="A65" s="16" t="s">
        <v>27</v>
      </c>
      <c r="B65" s="302">
        <v>0</v>
      </c>
      <c r="C65" s="303"/>
      <c r="D65" s="306"/>
      <c r="E65" s="302">
        <v>0</v>
      </c>
      <c r="F65" s="303"/>
      <c r="G65" s="306"/>
      <c r="H65" s="302">
        <v>0</v>
      </c>
      <c r="I65" s="303"/>
      <c r="J65" s="306"/>
      <c r="K65" s="302">
        <v>0</v>
      </c>
      <c r="L65" s="303"/>
      <c r="M65" s="303"/>
    </row>
    <row r="66" spans="1:13" ht="15" customHeight="1" x14ac:dyDescent="0.2">
      <c r="A66" s="25" t="s">
        <v>138</v>
      </c>
      <c r="B66" s="304">
        <v>11795824.780000001</v>
      </c>
      <c r="C66" s="305"/>
      <c r="D66" s="307"/>
      <c r="E66" s="304">
        <v>-176952423.91</v>
      </c>
      <c r="F66" s="305"/>
      <c r="G66" s="307"/>
      <c r="H66" s="304">
        <v>-105009897.12</v>
      </c>
      <c r="I66" s="305"/>
      <c r="J66" s="307"/>
      <c r="K66" s="304">
        <v>-513661254.93999994</v>
      </c>
      <c r="L66" s="305"/>
      <c r="M66" s="305"/>
    </row>
    <row r="67" spans="1:13" ht="15" customHeight="1" x14ac:dyDescent="0.2">
      <c r="A67" s="36" t="s">
        <v>260</v>
      </c>
      <c r="B67" s="36"/>
      <c r="C67" s="36"/>
      <c r="D67" s="36"/>
      <c r="E67" s="36"/>
      <c r="L67" s="241">
        <v>42398.339372337963</v>
      </c>
      <c r="M67" s="241"/>
    </row>
    <row r="68" spans="1:13" s="16" customFormat="1" ht="33" customHeight="1" x14ac:dyDescent="0.2">
      <c r="A68" s="247" t="s">
        <v>153</v>
      </c>
      <c r="B68" s="247"/>
      <c r="C68" s="247"/>
      <c r="D68" s="247"/>
      <c r="E68" s="247"/>
      <c r="F68" s="247"/>
      <c r="G68" s="247"/>
    </row>
    <row r="69" spans="1:13" ht="15" customHeight="1" x14ac:dyDescent="0.2">
      <c r="A69" s="54" t="s">
        <v>6</v>
      </c>
      <c r="B69" s="21"/>
      <c r="D69" s="16"/>
    </row>
    <row r="70" spans="1:13" ht="11.25" customHeight="1" x14ac:dyDescent="0.2">
      <c r="A70" s="54"/>
      <c r="B70" s="21"/>
      <c r="D70" s="16"/>
    </row>
    <row r="71" spans="1:13" ht="11.25" customHeight="1" x14ac:dyDescent="0.2">
      <c r="A71" s="54"/>
      <c r="B71" s="21"/>
      <c r="D71" s="16"/>
    </row>
    <row r="73" spans="1:13" ht="15" customHeight="1" x14ac:dyDescent="0.2">
      <c r="A73" s="246" t="s">
        <v>165</v>
      </c>
      <c r="B73" s="246"/>
      <c r="C73" s="246"/>
      <c r="D73" s="246"/>
      <c r="E73" s="246"/>
      <c r="F73" s="246"/>
      <c r="G73" s="246"/>
      <c r="H73" s="246"/>
      <c r="I73" s="246"/>
      <c r="J73" s="246"/>
      <c r="K73" s="246"/>
      <c r="L73" s="246"/>
      <c r="M73" s="246"/>
    </row>
    <row r="74" spans="1:13" ht="12" customHeight="1" x14ac:dyDescent="0.2">
      <c r="A74" s="41"/>
      <c r="B74" s="244" t="s">
        <v>166</v>
      </c>
      <c r="C74" s="244"/>
      <c r="D74" s="244"/>
      <c r="E74" s="244" t="s">
        <v>167</v>
      </c>
      <c r="F74" s="244"/>
      <c r="G74" s="244"/>
      <c r="H74" s="244" t="s">
        <v>168</v>
      </c>
      <c r="I74" s="244"/>
      <c r="J74" s="244"/>
      <c r="K74" s="244" t="s">
        <v>169</v>
      </c>
      <c r="L74" s="244"/>
      <c r="M74" s="245"/>
    </row>
    <row r="75" spans="1:13" ht="12" customHeight="1" x14ac:dyDescent="0.2">
      <c r="A75" s="42" t="s">
        <v>170</v>
      </c>
      <c r="B75" s="244" t="s">
        <v>171</v>
      </c>
      <c r="C75" s="244"/>
      <c r="D75" s="244"/>
      <c r="E75" s="244" t="s">
        <v>20</v>
      </c>
      <c r="F75" s="244"/>
      <c r="G75" s="244"/>
      <c r="H75" s="244" t="s">
        <v>20</v>
      </c>
      <c r="I75" s="244"/>
      <c r="J75" s="244"/>
      <c r="K75" s="244" t="s">
        <v>20</v>
      </c>
      <c r="L75" s="244"/>
      <c r="M75" s="245"/>
    </row>
    <row r="76" spans="1:13" ht="12" customHeight="1" x14ac:dyDescent="0.2">
      <c r="A76" s="43"/>
      <c r="B76" s="44" t="s">
        <v>172</v>
      </c>
      <c r="C76" s="45" t="s">
        <v>173</v>
      </c>
      <c r="D76" s="44" t="s">
        <v>174</v>
      </c>
      <c r="E76" s="44" t="s">
        <v>175</v>
      </c>
      <c r="F76" s="44" t="s">
        <v>176</v>
      </c>
      <c r="G76" s="44" t="s">
        <v>177</v>
      </c>
      <c r="H76" s="44" t="s">
        <v>175</v>
      </c>
      <c r="I76" s="44" t="s">
        <v>176</v>
      </c>
      <c r="J76" s="44" t="s">
        <v>177</v>
      </c>
      <c r="K76" s="44" t="s">
        <v>175</v>
      </c>
      <c r="L76" s="44" t="s">
        <v>176</v>
      </c>
      <c r="M76" s="46" t="s">
        <v>177</v>
      </c>
    </row>
    <row r="77" spans="1:13" ht="12" customHeight="1" x14ac:dyDescent="0.2">
      <c r="A77" s="47" t="s">
        <v>178</v>
      </c>
      <c r="B77" s="48">
        <v>2.9422999999999999</v>
      </c>
      <c r="C77" s="48">
        <v>0.94230000000000003</v>
      </c>
      <c r="D77" s="48">
        <v>6.2820000000000001E-2</v>
      </c>
      <c r="E77" s="48">
        <v>2.7818000000000001</v>
      </c>
      <c r="F77" s="48">
        <v>2.8618999999999999</v>
      </c>
      <c r="G77" s="48">
        <v>3.1034000000000002</v>
      </c>
      <c r="H77" s="48">
        <v>2.9291</v>
      </c>
      <c r="I77" s="48">
        <v>2.8005</v>
      </c>
      <c r="J77" s="48">
        <v>2.6663999999999999</v>
      </c>
      <c r="K77" s="48">
        <v>2.6345000000000001</v>
      </c>
      <c r="L77" s="48">
        <v>2.4272999999999998</v>
      </c>
      <c r="M77" s="49">
        <v>2.3159999999999998</v>
      </c>
    </row>
    <row r="78" spans="1:13" ht="12" customHeight="1" x14ac:dyDescent="0.2">
      <c r="A78" s="47" t="s">
        <v>179</v>
      </c>
      <c r="B78" s="242">
        <v>2.9422999999999999</v>
      </c>
      <c r="C78" s="248"/>
      <c r="D78" s="249"/>
      <c r="E78" s="242">
        <v>2.87948</v>
      </c>
      <c r="F78" s="248"/>
      <c r="G78" s="249"/>
      <c r="H78" s="242">
        <v>2.8166599999999997</v>
      </c>
      <c r="I78" s="248"/>
      <c r="J78" s="249"/>
      <c r="K78" s="242">
        <v>2.7538399999999998</v>
      </c>
      <c r="L78" s="243"/>
      <c r="M78" s="243"/>
    </row>
    <row r="79" spans="1:13" ht="12" customHeight="1" x14ac:dyDescent="0.2">
      <c r="A79" s="54"/>
      <c r="B79" s="21"/>
      <c r="C79" s="21"/>
      <c r="D79" s="21"/>
      <c r="H79" s="16"/>
      <c r="I79" s="16"/>
      <c r="J79" s="16"/>
    </row>
    <row r="80" spans="1:13" ht="12" customHeight="1" x14ac:dyDescent="0.2">
      <c r="A80" s="50"/>
      <c r="B80" s="244" t="s">
        <v>180</v>
      </c>
      <c r="C80" s="244"/>
      <c r="D80" s="244"/>
      <c r="E80" s="244" t="s">
        <v>181</v>
      </c>
      <c r="F80" s="244"/>
      <c r="G80" s="244"/>
      <c r="H80" s="244" t="s">
        <v>182</v>
      </c>
      <c r="I80" s="244"/>
      <c r="J80" s="244"/>
      <c r="K80" s="244" t="s">
        <v>183</v>
      </c>
      <c r="L80" s="244"/>
      <c r="M80" s="245"/>
    </row>
    <row r="81" spans="1:13" ht="12" customHeight="1" x14ac:dyDescent="0.2">
      <c r="A81" s="42" t="s">
        <v>170</v>
      </c>
      <c r="B81" s="244" t="s">
        <v>20</v>
      </c>
      <c r="C81" s="244"/>
      <c r="D81" s="244"/>
      <c r="E81" s="244" t="s">
        <v>20</v>
      </c>
      <c r="F81" s="244"/>
      <c r="G81" s="244"/>
      <c r="H81" s="244" t="s">
        <v>20</v>
      </c>
      <c r="I81" s="244"/>
      <c r="J81" s="244"/>
      <c r="K81" s="244" t="s">
        <v>20</v>
      </c>
      <c r="L81" s="244"/>
      <c r="M81" s="245"/>
    </row>
    <row r="82" spans="1:13" ht="12" customHeight="1" x14ac:dyDescent="0.2">
      <c r="A82" s="51"/>
      <c r="B82" s="44" t="s">
        <v>175</v>
      </c>
      <c r="C82" s="44" t="s">
        <v>176</v>
      </c>
      <c r="D82" s="44" t="s">
        <v>177</v>
      </c>
      <c r="E82" s="44" t="s">
        <v>175</v>
      </c>
      <c r="F82" s="44" t="s">
        <v>176</v>
      </c>
      <c r="G82" s="44" t="s">
        <v>177</v>
      </c>
      <c r="H82" s="44" t="s">
        <v>175</v>
      </c>
      <c r="I82" s="44" t="s">
        <v>176</v>
      </c>
      <c r="J82" s="44" t="s">
        <v>177</v>
      </c>
      <c r="K82" s="44" t="s">
        <v>175</v>
      </c>
      <c r="L82" s="44" t="s">
        <v>176</v>
      </c>
      <c r="M82" s="46" t="s">
        <v>177</v>
      </c>
    </row>
    <row r="83" spans="1:13" ht="12" customHeight="1" x14ac:dyDescent="0.2">
      <c r="A83" s="47" t="s">
        <v>178</v>
      </c>
      <c r="B83" s="48">
        <v>2.1381999999999999</v>
      </c>
      <c r="C83" s="48">
        <v>2.1616</v>
      </c>
      <c r="D83" s="48">
        <v>2.0110000000000001</v>
      </c>
      <c r="E83" s="48">
        <v>1.9481999999999999</v>
      </c>
      <c r="F83" s="48">
        <v>1.8449</v>
      </c>
      <c r="G83" s="48">
        <v>1.8111999999999999</v>
      </c>
      <c r="H83" s="48">
        <v>1.6587000000000001</v>
      </c>
      <c r="I83" s="48">
        <v>1.5306</v>
      </c>
      <c r="J83" s="48">
        <v>1.4830000000000001</v>
      </c>
      <c r="K83" s="48">
        <v>1.3345</v>
      </c>
      <c r="L83" s="48">
        <v>1.2419</v>
      </c>
      <c r="M83" s="49">
        <v>1.1527000000000001</v>
      </c>
    </row>
    <row r="84" spans="1:13" ht="12" customHeight="1" x14ac:dyDescent="0.2">
      <c r="A84" s="47" t="s">
        <v>179</v>
      </c>
      <c r="B84" s="242">
        <v>2.69102</v>
      </c>
      <c r="C84" s="248"/>
      <c r="D84" s="249"/>
      <c r="E84" s="242">
        <v>2.6282000000000001</v>
      </c>
      <c r="F84" s="248"/>
      <c r="G84" s="249"/>
      <c r="H84" s="242">
        <v>2.5653799999999998</v>
      </c>
      <c r="I84" s="248"/>
      <c r="J84" s="249"/>
      <c r="K84" s="242">
        <v>2.5025599999999999</v>
      </c>
      <c r="L84" s="243"/>
      <c r="M84" s="243"/>
    </row>
    <row r="85" spans="1:13" ht="12" customHeight="1" x14ac:dyDescent="0.2">
      <c r="A85" s="54"/>
      <c r="B85" s="21"/>
      <c r="C85" s="21"/>
      <c r="D85" s="21"/>
      <c r="H85" s="16"/>
      <c r="I85" s="16"/>
      <c r="J85" s="16"/>
    </row>
    <row r="86" spans="1:13" ht="12" customHeight="1" x14ac:dyDescent="0.2">
      <c r="A86" s="50"/>
      <c r="B86" s="244" t="s">
        <v>184</v>
      </c>
      <c r="C86" s="244"/>
      <c r="D86" s="244"/>
      <c r="E86" s="244" t="s">
        <v>185</v>
      </c>
      <c r="F86" s="244"/>
      <c r="G86" s="244"/>
      <c r="H86" s="244" t="s">
        <v>186</v>
      </c>
      <c r="I86" s="244"/>
      <c r="J86" s="244"/>
      <c r="K86" s="244" t="s">
        <v>187</v>
      </c>
      <c r="L86" s="244"/>
      <c r="M86" s="245"/>
    </row>
    <row r="87" spans="1:13" ht="12" customHeight="1" x14ac:dyDescent="0.2">
      <c r="A87" s="42" t="s">
        <v>170</v>
      </c>
      <c r="B87" s="244" t="s">
        <v>20</v>
      </c>
      <c r="C87" s="244"/>
      <c r="D87" s="244"/>
      <c r="E87" s="244" t="s">
        <v>20</v>
      </c>
      <c r="F87" s="244"/>
      <c r="G87" s="244"/>
      <c r="H87" s="244" t="s">
        <v>20</v>
      </c>
      <c r="I87" s="244"/>
      <c r="J87" s="244"/>
      <c r="K87" s="244" t="s">
        <v>20</v>
      </c>
      <c r="L87" s="244"/>
      <c r="M87" s="245"/>
    </row>
    <row r="88" spans="1:13" ht="12" customHeight="1" x14ac:dyDescent="0.2">
      <c r="A88" s="51"/>
      <c r="B88" s="44" t="s">
        <v>175</v>
      </c>
      <c r="C88" s="44" t="s">
        <v>176</v>
      </c>
      <c r="D88" s="44" t="s">
        <v>177</v>
      </c>
      <c r="E88" s="44" t="s">
        <v>175</v>
      </c>
      <c r="F88" s="44" t="s">
        <v>176</v>
      </c>
      <c r="G88" s="44" t="s">
        <v>177</v>
      </c>
      <c r="H88" s="44" t="s">
        <v>175</v>
      </c>
      <c r="I88" s="44" t="s">
        <v>176</v>
      </c>
      <c r="J88" s="44" t="s">
        <v>177</v>
      </c>
      <c r="K88" s="44" t="s">
        <v>175</v>
      </c>
      <c r="L88" s="44" t="s">
        <v>176</v>
      </c>
      <c r="M88" s="46" t="s">
        <v>177</v>
      </c>
    </row>
    <row r="89" spans="1:13" ht="12" customHeight="1" x14ac:dyDescent="0.2">
      <c r="A89" s="47" t="s">
        <v>178</v>
      </c>
      <c r="B89" s="48">
        <v>1.1055999999999999</v>
      </c>
      <c r="C89" s="48">
        <v>1.0862000000000001</v>
      </c>
      <c r="D89" s="48">
        <v>1.1424000000000001</v>
      </c>
      <c r="E89" s="48">
        <v>1.1741999999999999</v>
      </c>
      <c r="F89" s="48">
        <v>1.1815</v>
      </c>
      <c r="G89" s="48">
        <v>1.2159</v>
      </c>
      <c r="H89" s="48">
        <v>1.2005999999999999</v>
      </c>
      <c r="I89" s="48">
        <v>1.1393</v>
      </c>
      <c r="J89" s="48">
        <v>1.1314</v>
      </c>
      <c r="K89" s="48">
        <v>1.0224</v>
      </c>
      <c r="L89" s="48">
        <v>1.0485</v>
      </c>
      <c r="M89" s="49">
        <v>1.054</v>
      </c>
    </row>
    <row r="90" spans="1:13" ht="12" customHeight="1" x14ac:dyDescent="0.2">
      <c r="A90" s="47" t="s">
        <v>179</v>
      </c>
      <c r="B90" s="242">
        <v>2.43974</v>
      </c>
      <c r="C90" s="248"/>
      <c r="D90" s="249"/>
      <c r="E90" s="242">
        <v>2.3769200000000001</v>
      </c>
      <c r="F90" s="248"/>
      <c r="G90" s="249"/>
      <c r="H90" s="242">
        <v>2.3140999999999998</v>
      </c>
      <c r="I90" s="248"/>
      <c r="J90" s="249"/>
      <c r="K90" s="242">
        <v>2.2512799999999999</v>
      </c>
      <c r="L90" s="243"/>
      <c r="M90" s="243"/>
    </row>
    <row r="91" spans="1:13" ht="12" customHeight="1" x14ac:dyDescent="0.2">
      <c r="D91" s="4"/>
      <c r="H91" s="22"/>
      <c r="I91" s="22"/>
      <c r="J91" s="22"/>
      <c r="L91" s="16"/>
    </row>
    <row r="92" spans="1:13" ht="12" customHeight="1" x14ac:dyDescent="0.2">
      <c r="A92" s="50"/>
      <c r="B92" s="244" t="s">
        <v>188</v>
      </c>
      <c r="C92" s="244"/>
      <c r="D92" s="244"/>
      <c r="E92" s="244" t="s">
        <v>189</v>
      </c>
      <c r="F92" s="244"/>
      <c r="G92" s="244"/>
      <c r="H92" s="244" t="s">
        <v>190</v>
      </c>
      <c r="I92" s="244"/>
      <c r="J92" s="244"/>
      <c r="K92" s="244" t="s">
        <v>191</v>
      </c>
      <c r="L92" s="244"/>
      <c r="M92" s="245"/>
    </row>
    <row r="93" spans="1:13" ht="12" customHeight="1" x14ac:dyDescent="0.2">
      <c r="A93" s="42" t="s">
        <v>170</v>
      </c>
      <c r="B93" s="244" t="s">
        <v>20</v>
      </c>
      <c r="C93" s="244"/>
      <c r="D93" s="244"/>
      <c r="E93" s="244" t="s">
        <v>20</v>
      </c>
      <c r="F93" s="244"/>
      <c r="G93" s="244"/>
      <c r="H93" s="244" t="s">
        <v>20</v>
      </c>
      <c r="I93" s="244"/>
      <c r="J93" s="244"/>
      <c r="K93" s="244" t="s">
        <v>20</v>
      </c>
      <c r="L93" s="244"/>
      <c r="M93" s="245"/>
    </row>
    <row r="94" spans="1:13" ht="12" customHeight="1" x14ac:dyDescent="0.2">
      <c r="A94" s="51"/>
      <c r="B94" s="44" t="s">
        <v>175</v>
      </c>
      <c r="C94" s="44" t="s">
        <v>176</v>
      </c>
      <c r="D94" s="44" t="s">
        <v>177</v>
      </c>
      <c r="E94" s="44" t="s">
        <v>175</v>
      </c>
      <c r="F94" s="44" t="s">
        <v>176</v>
      </c>
      <c r="G94" s="44" t="s">
        <v>177</v>
      </c>
      <c r="H94" s="44" t="s">
        <v>175</v>
      </c>
      <c r="I94" s="44" t="s">
        <v>176</v>
      </c>
      <c r="J94" s="44" t="s">
        <v>177</v>
      </c>
      <c r="K94" s="44" t="s">
        <v>175</v>
      </c>
      <c r="L94" s="44" t="s">
        <v>176</v>
      </c>
      <c r="M94" s="46" t="s">
        <v>177</v>
      </c>
    </row>
    <row r="95" spans="1:13" ht="12" customHeight="1" x14ac:dyDescent="0.2">
      <c r="A95" s="47" t="s">
        <v>178</v>
      </c>
      <c r="B95" s="48">
        <v>0.96260000000000001</v>
      </c>
      <c r="C95" s="48">
        <v>0.93910000000000005</v>
      </c>
      <c r="D95" s="48">
        <v>1.0241</v>
      </c>
      <c r="E95" s="48">
        <v>0.93989999999999996</v>
      </c>
      <c r="F95" s="48">
        <v>0.8972</v>
      </c>
      <c r="G95" s="48">
        <v>0.98680000000000001</v>
      </c>
      <c r="H95" s="48">
        <v>0.94199999999999995</v>
      </c>
      <c r="I95" s="48">
        <v>0.96950000000000003</v>
      </c>
      <c r="J95" s="156">
        <v>91.667616366022713</v>
      </c>
      <c r="K95" s="48"/>
      <c r="L95" s="48"/>
      <c r="M95" s="49"/>
    </row>
    <row r="96" spans="1:13" ht="12" customHeight="1" x14ac:dyDescent="0.2">
      <c r="A96" s="47" t="s">
        <v>179</v>
      </c>
      <c r="B96" s="242">
        <v>2.1884600000000001</v>
      </c>
      <c r="C96" s="248"/>
      <c r="D96" s="249"/>
      <c r="E96" s="242">
        <v>2.1256399999999998</v>
      </c>
      <c r="F96" s="248"/>
      <c r="G96" s="249"/>
      <c r="H96" s="242">
        <v>2.0628199999999999</v>
      </c>
      <c r="I96" s="248"/>
      <c r="J96" s="249"/>
      <c r="K96" s="242">
        <v>2</v>
      </c>
      <c r="L96" s="243"/>
      <c r="M96" s="243"/>
    </row>
    <row r="97" spans="1:13" ht="15" customHeight="1" x14ac:dyDescent="0.15">
      <c r="A97" s="149" t="s">
        <v>260</v>
      </c>
      <c r="B97" s="52"/>
      <c r="C97" s="52"/>
      <c r="D97" s="52"/>
      <c r="E97" s="52"/>
      <c r="F97" s="52"/>
      <c r="G97" s="52"/>
      <c r="H97" s="52"/>
      <c r="I97" s="52"/>
      <c r="J97" s="52"/>
      <c r="K97" s="52"/>
      <c r="L97" s="53"/>
      <c r="M97" s="53"/>
    </row>
    <row r="98" spans="1:13" ht="12" customHeight="1" x14ac:dyDescent="0.2">
      <c r="A98" s="54" t="s">
        <v>192</v>
      </c>
      <c r="B98" s="55"/>
      <c r="C98" s="55"/>
      <c r="D98" s="55"/>
      <c r="E98" s="55"/>
      <c r="F98" s="55"/>
      <c r="G98" s="55"/>
      <c r="H98" s="55"/>
      <c r="I98" s="55"/>
      <c r="J98" s="55"/>
      <c r="K98" s="55"/>
      <c r="L98" s="16"/>
      <c r="M98" s="16"/>
    </row>
    <row r="99" spans="1:13" ht="12" customHeight="1" x14ac:dyDescent="0.2">
      <c r="A99" s="54" t="s">
        <v>193</v>
      </c>
      <c r="B99" s="55"/>
      <c r="C99" s="55"/>
      <c r="D99" s="55"/>
      <c r="E99" s="55"/>
      <c r="F99" s="55"/>
      <c r="G99" s="55"/>
      <c r="H99" s="55"/>
      <c r="I99" s="55"/>
      <c r="J99" s="55"/>
      <c r="K99" s="55"/>
      <c r="L99" s="16"/>
      <c r="M99" s="16"/>
    </row>
    <row r="100" spans="1:13" ht="12" customHeight="1" x14ac:dyDescent="0.2">
      <c r="A100" s="54" t="s">
        <v>6</v>
      </c>
      <c r="B100" s="55"/>
      <c r="C100" s="55"/>
      <c r="D100" s="55"/>
      <c r="E100" s="55"/>
      <c r="F100" s="55"/>
      <c r="G100" s="55"/>
      <c r="H100" s="55"/>
      <c r="I100" s="55"/>
      <c r="J100" s="55"/>
      <c r="K100" s="55"/>
      <c r="L100" s="16"/>
      <c r="M100" s="16"/>
    </row>
    <row r="101" spans="1:13" ht="12" customHeight="1" x14ac:dyDescent="0.2">
      <c r="A101" s="250" t="s">
        <v>194</v>
      </c>
      <c r="B101" s="250"/>
      <c r="C101" s="250"/>
      <c r="D101" s="250"/>
      <c r="E101" s="250"/>
      <c r="F101" s="250"/>
      <c r="G101" s="250"/>
      <c r="H101" s="250"/>
      <c r="I101" s="250"/>
      <c r="J101" s="250"/>
      <c r="K101" s="250"/>
      <c r="L101" s="250"/>
      <c r="M101" s="250"/>
    </row>
    <row r="102" spans="1:13" ht="12" customHeight="1" x14ac:dyDescent="0.2">
      <c r="A102" s="16" t="s">
        <v>195</v>
      </c>
      <c r="D102" s="4"/>
      <c r="H102" s="22"/>
      <c r="I102" s="22"/>
      <c r="J102" s="22"/>
      <c r="L102" s="16"/>
    </row>
    <row r="107" spans="1:13" s="3" customFormat="1" x14ac:dyDescent="0.2">
      <c r="A107" s="150"/>
    </row>
    <row r="108" spans="1:13" s="3" customFormat="1" x14ac:dyDescent="0.2">
      <c r="A108" s="150"/>
    </row>
    <row r="109" spans="1:13" s="3" customFormat="1" x14ac:dyDescent="0.2">
      <c r="A109" s="150"/>
    </row>
    <row r="110" spans="1:13" s="3" customFormat="1" x14ac:dyDescent="0.2">
      <c r="A110" s="150"/>
    </row>
    <row r="111" spans="1:13" s="3" customFormat="1" x14ac:dyDescent="0.2">
      <c r="A111" s="150"/>
    </row>
    <row r="112" spans="1:13" x14ac:dyDescent="0.2">
      <c r="D112" s="4"/>
    </row>
    <row r="113" spans="1:1" s="3" customFormat="1" x14ac:dyDescent="0.2">
      <c r="A113" s="150"/>
    </row>
    <row r="114" spans="1:1" s="3" customFormat="1" x14ac:dyDescent="0.2">
      <c r="A114" s="150"/>
    </row>
    <row r="115" spans="1:1" s="3" customFormat="1" x14ac:dyDescent="0.2">
      <c r="A115" s="150"/>
    </row>
    <row r="116" spans="1:1" s="3" customFormat="1" x14ac:dyDescent="0.2">
      <c r="A116" s="150"/>
    </row>
  </sheetData>
  <customSheetViews>
    <customSheetView guid="{6D063188-16B5-4071-AE21-C7F6DB37AFBB}" showPageBreaks="1" showGridLines="0" fitToPage="1" printArea="1">
      <selection activeCell="K45" sqref="K45"/>
      <rowBreaks count="1" manualBreakCount="1">
        <brk id="70" max="16383" man="1"/>
      </rowBreaks>
      <pageMargins left="0.19685039370078741" right="0.19685039370078741" top="0.39370078740157483" bottom="2.7559055118110236" header="0" footer="0"/>
      <printOptions horizontalCentered="1"/>
      <pageSetup paperSize="9" scale="61" fitToHeight="2" orientation="portrait" r:id="rId1"/>
    </customSheetView>
    <customSheetView guid="{6C121633-ED4E-47D4-9C39-9D582FC532C7}" showPageBreaks="1" showGridLines="0" fitToPage="1" printArea="1" topLeftCell="A31">
      <selection activeCell="K45" sqref="K45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89" fitToHeight="3" orientation="landscape" r:id="rId2"/>
    </customSheetView>
    <customSheetView guid="{A3DDC128-A56B-4F45-A551-BA04BB179A3D}" showPageBreaks="1" showGridLines="0" fitToPage="1" printArea="1" topLeftCell="A31">
      <selection activeCell="K45" sqref="K45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88" fitToHeight="3" orientation="landscape" r:id="rId3"/>
    </customSheetView>
    <customSheetView guid="{2E3109D4-AAF5-4B4A-B3D6-6363C0BC1DF5}" showPageBreaks="1" showGridLines="0" fitToPage="1" printArea="1" topLeftCell="A10">
      <selection activeCell="H23" sqref="H23:J23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4"/>
    </customSheetView>
    <customSheetView guid="{05BE6146-A9DF-4967-AF82-02B690EDB2A3}" showPageBreaks="1" showGridLines="0" fitToPage="1" printArea="1" topLeftCell="A97">
      <selection activeCell="H22" sqref="H22:J22"/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5"/>
    </customSheetView>
    <customSheetView guid="{D8FEB5D0-D989-4C2B-BD50-DB181944A81F}" showPageBreaks="1" showGridLines="0" fitToPage="1" printArea="1" topLeftCell="A23">
      <selection activeCell="H37" sqref="H37:J37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2" fitToHeight="2" orientation="portrait" r:id="rId6"/>
    </customSheetView>
  </customSheetViews>
  <mergeCells count="267">
    <mergeCell ref="A3:M3"/>
    <mergeCell ref="A4:M4"/>
    <mergeCell ref="A5:M5"/>
    <mergeCell ref="A6:M6"/>
    <mergeCell ref="A7:M7"/>
    <mergeCell ref="K61:M61"/>
    <mergeCell ref="K62:M62"/>
    <mergeCell ref="K63:M63"/>
    <mergeCell ref="K64:M64"/>
    <mergeCell ref="B60:D60"/>
    <mergeCell ref="B61:D61"/>
    <mergeCell ref="B62:D62"/>
    <mergeCell ref="E61:G61"/>
    <mergeCell ref="E62:G62"/>
    <mergeCell ref="E63:G63"/>
    <mergeCell ref="E64:G64"/>
    <mergeCell ref="K38:M38"/>
    <mergeCell ref="K39:M39"/>
    <mergeCell ref="K40:M40"/>
    <mergeCell ref="K41:M41"/>
    <mergeCell ref="K42:M42"/>
    <mergeCell ref="K43:M43"/>
    <mergeCell ref="H43:J43"/>
    <mergeCell ref="K31:M31"/>
    <mergeCell ref="B63:D63"/>
    <mergeCell ref="B64:D64"/>
    <mergeCell ref="B65:D65"/>
    <mergeCell ref="B66:D66"/>
    <mergeCell ref="H56:J56"/>
    <mergeCell ref="H57:J57"/>
    <mergeCell ref="H58:J58"/>
    <mergeCell ref="H59:J59"/>
    <mergeCell ref="H60:J60"/>
    <mergeCell ref="H61:J61"/>
    <mergeCell ref="B57:D57"/>
    <mergeCell ref="B58:D58"/>
    <mergeCell ref="B59:D59"/>
    <mergeCell ref="E65:G65"/>
    <mergeCell ref="E66:G66"/>
    <mergeCell ref="K44:M44"/>
    <mergeCell ref="E56:G56"/>
    <mergeCell ref="E57:G57"/>
    <mergeCell ref="E58:G58"/>
    <mergeCell ref="E59:G59"/>
    <mergeCell ref="E60:G60"/>
    <mergeCell ref="K59:M59"/>
    <mergeCell ref="K60:M60"/>
    <mergeCell ref="H44:J44"/>
    <mergeCell ref="K51:M51"/>
    <mergeCell ref="K52:M52"/>
    <mergeCell ref="K65:M65"/>
    <mergeCell ref="K66:M66"/>
    <mergeCell ref="H62:J62"/>
    <mergeCell ref="H63:J63"/>
    <mergeCell ref="H64:J64"/>
    <mergeCell ref="H65:J65"/>
    <mergeCell ref="H66:J66"/>
    <mergeCell ref="K56:M56"/>
    <mergeCell ref="K57:M57"/>
    <mergeCell ref="K58:M58"/>
    <mergeCell ref="K32:M32"/>
    <mergeCell ref="K33:M33"/>
    <mergeCell ref="K34:M34"/>
    <mergeCell ref="K35:M35"/>
    <mergeCell ref="K36:M36"/>
    <mergeCell ref="K37:M37"/>
    <mergeCell ref="H37:J37"/>
    <mergeCell ref="H38:J38"/>
    <mergeCell ref="H39:J39"/>
    <mergeCell ref="H21:J21"/>
    <mergeCell ref="H22:J22"/>
    <mergeCell ref="H23:J23"/>
    <mergeCell ref="H19:J19"/>
    <mergeCell ref="H20:J20"/>
    <mergeCell ref="H31:J31"/>
    <mergeCell ref="H32:J32"/>
    <mergeCell ref="H33:J33"/>
    <mergeCell ref="H34:J34"/>
    <mergeCell ref="H25:J25"/>
    <mergeCell ref="E10:M10"/>
    <mergeCell ref="H12:J12"/>
    <mergeCell ref="H13:J13"/>
    <mergeCell ref="H14:J14"/>
    <mergeCell ref="K48:M48"/>
    <mergeCell ref="K49:M49"/>
    <mergeCell ref="K50:M50"/>
    <mergeCell ref="E46:M46"/>
    <mergeCell ref="E19:G19"/>
    <mergeCell ref="E20:G20"/>
    <mergeCell ref="E21:G21"/>
    <mergeCell ref="E22:G22"/>
    <mergeCell ref="E23:G23"/>
    <mergeCell ref="K12:M12"/>
    <mergeCell ref="K13:M13"/>
    <mergeCell ref="K14:M14"/>
    <mergeCell ref="K15:M15"/>
    <mergeCell ref="K16:M16"/>
    <mergeCell ref="K17:M17"/>
    <mergeCell ref="K18:M18"/>
    <mergeCell ref="H15:J15"/>
    <mergeCell ref="H16:J16"/>
    <mergeCell ref="H17:J17"/>
    <mergeCell ref="H18:J18"/>
    <mergeCell ref="B55:D55"/>
    <mergeCell ref="B48:D48"/>
    <mergeCell ref="B49:D49"/>
    <mergeCell ref="B50:D50"/>
    <mergeCell ref="B51:D51"/>
    <mergeCell ref="B52:D52"/>
    <mergeCell ref="E48:G48"/>
    <mergeCell ref="A54:M54"/>
    <mergeCell ref="H11:J11"/>
    <mergeCell ref="K11:M11"/>
    <mergeCell ref="H26:J26"/>
    <mergeCell ref="H27:J27"/>
    <mergeCell ref="H28:J28"/>
    <mergeCell ref="K24:M24"/>
    <mergeCell ref="K25:M25"/>
    <mergeCell ref="K26:M26"/>
    <mergeCell ref="K27:M27"/>
    <mergeCell ref="K28:M28"/>
    <mergeCell ref="K19:M19"/>
    <mergeCell ref="K20:M20"/>
    <mergeCell ref="K21:M21"/>
    <mergeCell ref="K22:M22"/>
    <mergeCell ref="K23:M23"/>
    <mergeCell ref="H24:J24"/>
    <mergeCell ref="B45:D45"/>
    <mergeCell ref="B46:D46"/>
    <mergeCell ref="B47:D47"/>
    <mergeCell ref="B38:D38"/>
    <mergeCell ref="B39:D39"/>
    <mergeCell ref="B40:D40"/>
    <mergeCell ref="B41:D41"/>
    <mergeCell ref="B56:D56"/>
    <mergeCell ref="H47:J47"/>
    <mergeCell ref="H48:J48"/>
    <mergeCell ref="H49:J49"/>
    <mergeCell ref="H50:J50"/>
    <mergeCell ref="H51:J51"/>
    <mergeCell ref="H52:J52"/>
    <mergeCell ref="H40:J40"/>
    <mergeCell ref="H41:J41"/>
    <mergeCell ref="H42:J42"/>
    <mergeCell ref="E55:M55"/>
    <mergeCell ref="K47:M47"/>
    <mergeCell ref="E47:G47"/>
    <mergeCell ref="E49:G49"/>
    <mergeCell ref="E50:G50"/>
    <mergeCell ref="E51:G51"/>
    <mergeCell ref="E52:G52"/>
    <mergeCell ref="B30:D30"/>
    <mergeCell ref="B31:D31"/>
    <mergeCell ref="E41:G41"/>
    <mergeCell ref="E42:G42"/>
    <mergeCell ref="E43:G43"/>
    <mergeCell ref="E44:G44"/>
    <mergeCell ref="B32:D32"/>
    <mergeCell ref="B33:D33"/>
    <mergeCell ref="B34:D34"/>
    <mergeCell ref="B35:D35"/>
    <mergeCell ref="B36:D36"/>
    <mergeCell ref="B37:D37"/>
    <mergeCell ref="E35:G35"/>
    <mergeCell ref="E36:G36"/>
    <mergeCell ref="E37:G37"/>
    <mergeCell ref="E38:G38"/>
    <mergeCell ref="E39:G39"/>
    <mergeCell ref="E40:G40"/>
    <mergeCell ref="B42:D42"/>
    <mergeCell ref="B43:D43"/>
    <mergeCell ref="B44:D44"/>
    <mergeCell ref="E30:M30"/>
    <mergeCell ref="H35:J35"/>
    <mergeCell ref="H36:J36"/>
    <mergeCell ref="A30:A31"/>
    <mergeCell ref="A46:A47"/>
    <mergeCell ref="E31:G31"/>
    <mergeCell ref="E32:G32"/>
    <mergeCell ref="E33:G33"/>
    <mergeCell ref="E34:G34"/>
    <mergeCell ref="A55:A56"/>
    <mergeCell ref="A10:A11"/>
    <mergeCell ref="B24:D24"/>
    <mergeCell ref="E24:G24"/>
    <mergeCell ref="B22:D22"/>
    <mergeCell ref="B23:D23"/>
    <mergeCell ref="E11:G11"/>
    <mergeCell ref="E12:G12"/>
    <mergeCell ref="E13:G13"/>
    <mergeCell ref="E14:G14"/>
    <mergeCell ref="E15:G15"/>
    <mergeCell ref="E16:G16"/>
    <mergeCell ref="E17:G17"/>
    <mergeCell ref="E18:G18"/>
    <mergeCell ref="B16:D16"/>
    <mergeCell ref="B17:D17"/>
    <mergeCell ref="B18:D18"/>
    <mergeCell ref="B19:D19"/>
    <mergeCell ref="B10:D10"/>
    <mergeCell ref="B11:D11"/>
    <mergeCell ref="B12:D12"/>
    <mergeCell ref="B13:D13"/>
    <mergeCell ref="B14:D14"/>
    <mergeCell ref="B15:D15"/>
    <mergeCell ref="B96:D96"/>
    <mergeCell ref="E96:G96"/>
    <mergeCell ref="H96:J96"/>
    <mergeCell ref="E86:G86"/>
    <mergeCell ref="H86:J86"/>
    <mergeCell ref="B78:D78"/>
    <mergeCell ref="E78:G78"/>
    <mergeCell ref="H78:J78"/>
    <mergeCell ref="B20:D20"/>
    <mergeCell ref="B21:D21"/>
    <mergeCell ref="B25:D25"/>
    <mergeCell ref="B26:D26"/>
    <mergeCell ref="B27:D27"/>
    <mergeCell ref="B28:D28"/>
    <mergeCell ref="E25:G25"/>
    <mergeCell ref="E26:G26"/>
    <mergeCell ref="E27:G27"/>
    <mergeCell ref="E28:G28"/>
    <mergeCell ref="K96:M96"/>
    <mergeCell ref="A101:M101"/>
    <mergeCell ref="B92:D92"/>
    <mergeCell ref="E92:G92"/>
    <mergeCell ref="H92:J92"/>
    <mergeCell ref="K92:M92"/>
    <mergeCell ref="B93:D93"/>
    <mergeCell ref="B87:D87"/>
    <mergeCell ref="E87:G87"/>
    <mergeCell ref="H87:J87"/>
    <mergeCell ref="K87:M87"/>
    <mergeCell ref="B90:D90"/>
    <mergeCell ref="E90:G90"/>
    <mergeCell ref="H90:J90"/>
    <mergeCell ref="K86:M86"/>
    <mergeCell ref="E93:G93"/>
    <mergeCell ref="H93:J93"/>
    <mergeCell ref="K93:M93"/>
    <mergeCell ref="B81:D81"/>
    <mergeCell ref="E81:G81"/>
    <mergeCell ref="H81:J81"/>
    <mergeCell ref="K81:M81"/>
    <mergeCell ref="K90:M90"/>
    <mergeCell ref="B84:D84"/>
    <mergeCell ref="E84:G84"/>
    <mergeCell ref="H84:J84"/>
    <mergeCell ref="K84:M84"/>
    <mergeCell ref="B86:D86"/>
    <mergeCell ref="L67:M67"/>
    <mergeCell ref="K78:M78"/>
    <mergeCell ref="B80:D80"/>
    <mergeCell ref="E80:G80"/>
    <mergeCell ref="H80:J80"/>
    <mergeCell ref="K80:M80"/>
    <mergeCell ref="A73:M73"/>
    <mergeCell ref="B74:D74"/>
    <mergeCell ref="E74:G74"/>
    <mergeCell ref="H74:J74"/>
    <mergeCell ref="K74:M74"/>
    <mergeCell ref="B75:D75"/>
    <mergeCell ref="E75:G75"/>
    <mergeCell ref="H75:J75"/>
    <mergeCell ref="K75:M75"/>
    <mergeCell ref="A68:G68"/>
  </mergeCells>
  <printOptions horizontalCentered="1"/>
  <pageMargins left="0.19685039370078741" right="0.19685039370078741" top="0.39370078740157483" bottom="2.7559055118110236" header="0" footer="0"/>
  <pageSetup paperSize="9" scale="61" fitToHeight="2" orientation="portrait" r:id="rId7"/>
  <rowBreaks count="1" manualBreakCount="1">
    <brk id="70" max="16383" man="1"/>
  </rowBreaks>
  <drawing r:id="rId8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Plan172">
    <tabColor rgb="FF00B050"/>
    <pageSetUpPr fitToPage="1"/>
  </sheetPr>
  <dimension ref="A1:I51"/>
  <sheetViews>
    <sheetView showGridLines="0" zoomScaleNormal="100" workbookViewId="0"/>
  </sheetViews>
  <sheetFormatPr defaultRowHeight="11.25" customHeight="1" x14ac:dyDescent="0.2"/>
  <cols>
    <col min="1" max="1" width="63.5703125" style="4" customWidth="1"/>
    <col min="2" max="2" width="21.7109375" style="4" customWidth="1"/>
    <col min="3" max="5" width="21.7109375" style="11" customWidth="1"/>
    <col min="6" max="16384" width="9.140625" style="4"/>
  </cols>
  <sheetData>
    <row r="1" spans="1:5" ht="10.5" x14ac:dyDescent="0.2">
      <c r="A1" s="8"/>
    </row>
    <row r="2" spans="1:5" ht="11.25" customHeight="1" x14ac:dyDescent="0.2">
      <c r="A2" s="8"/>
    </row>
    <row r="3" spans="1:5" ht="11.25" customHeight="1" x14ac:dyDescent="0.2">
      <c r="A3" s="240" t="s">
        <v>199</v>
      </c>
      <c r="B3" s="240"/>
      <c r="C3" s="240"/>
      <c r="D3" s="240"/>
      <c r="E3" s="240"/>
    </row>
    <row r="4" spans="1:5" ht="11.25" customHeight="1" x14ac:dyDescent="0.2">
      <c r="A4" s="240" t="s">
        <v>0</v>
      </c>
      <c r="B4" s="240"/>
      <c r="C4" s="240"/>
      <c r="D4" s="240"/>
      <c r="E4" s="240"/>
    </row>
    <row r="5" spans="1:5" ht="11.25" customHeight="1" x14ac:dyDescent="0.2">
      <c r="A5" s="308" t="s">
        <v>9</v>
      </c>
      <c r="B5" s="308"/>
      <c r="C5" s="308"/>
      <c r="D5" s="308"/>
      <c r="E5" s="308"/>
    </row>
    <row r="6" spans="1:5" ht="11.25" customHeight="1" x14ac:dyDescent="0.2">
      <c r="A6" s="240" t="s">
        <v>4</v>
      </c>
      <c r="B6" s="240"/>
      <c r="C6" s="240"/>
      <c r="D6" s="240"/>
      <c r="E6" s="240"/>
    </row>
    <row r="7" spans="1:5" ht="11.25" customHeight="1" x14ac:dyDescent="0.2">
      <c r="A7" s="240" t="s">
        <v>217</v>
      </c>
      <c r="B7" s="240"/>
      <c r="C7" s="240"/>
      <c r="D7" s="240"/>
      <c r="E7" s="240"/>
    </row>
    <row r="8" spans="1:5" ht="11.25" customHeight="1" x14ac:dyDescent="0.2">
      <c r="A8" s="21"/>
      <c r="B8" s="21"/>
      <c r="C8" s="21"/>
      <c r="D8" s="21"/>
      <c r="E8" s="21"/>
    </row>
    <row r="9" spans="1:5" ht="11.25" customHeight="1" x14ac:dyDescent="0.2">
      <c r="A9" s="103" t="s">
        <v>149</v>
      </c>
      <c r="E9" s="6">
        <v>1</v>
      </c>
    </row>
    <row r="10" spans="1:5" ht="15" customHeight="1" x14ac:dyDescent="0.2">
      <c r="A10" s="253" t="s">
        <v>53</v>
      </c>
      <c r="B10" s="220" t="s">
        <v>34</v>
      </c>
      <c r="C10" s="309" t="s">
        <v>211</v>
      </c>
      <c r="D10" s="310"/>
      <c r="E10" s="310"/>
    </row>
    <row r="11" spans="1:5" ht="15" customHeight="1" x14ac:dyDescent="0.2">
      <c r="A11" s="256"/>
      <c r="B11" s="221" t="s">
        <v>35</v>
      </c>
      <c r="C11" s="223" t="s">
        <v>24</v>
      </c>
      <c r="D11" s="223" t="s">
        <v>25</v>
      </c>
      <c r="E11" s="223" t="s">
        <v>26</v>
      </c>
    </row>
    <row r="12" spans="1:5" ht="11.25" customHeight="1" x14ac:dyDescent="0.2">
      <c r="A12" s="23" t="s">
        <v>46</v>
      </c>
      <c r="B12" s="117">
        <v>0</v>
      </c>
      <c r="C12" s="117">
        <v>0</v>
      </c>
      <c r="D12" s="117">
        <v>0</v>
      </c>
      <c r="E12" s="117">
        <v>0</v>
      </c>
    </row>
    <row r="13" spans="1:5" ht="11.25" customHeight="1" x14ac:dyDescent="0.2">
      <c r="A13" s="118" t="s">
        <v>47</v>
      </c>
      <c r="B13" s="95">
        <v>0</v>
      </c>
      <c r="C13" s="95">
        <v>0</v>
      </c>
      <c r="D13" s="95">
        <v>0</v>
      </c>
      <c r="E13" s="95">
        <v>0</v>
      </c>
    </row>
    <row r="14" spans="1:5" ht="11.25" customHeight="1" x14ac:dyDescent="0.2">
      <c r="A14" s="118" t="s">
        <v>59</v>
      </c>
      <c r="B14" s="95">
        <v>0</v>
      </c>
      <c r="C14" s="95">
        <v>0</v>
      </c>
      <c r="D14" s="95">
        <v>0</v>
      </c>
      <c r="E14" s="95">
        <v>0</v>
      </c>
    </row>
    <row r="15" spans="1:5" ht="11.25" customHeight="1" x14ac:dyDescent="0.2">
      <c r="A15" s="23" t="s">
        <v>48</v>
      </c>
      <c r="B15" s="119">
        <v>18190989.489999998</v>
      </c>
      <c r="C15" s="119">
        <v>18190989.489999998</v>
      </c>
      <c r="D15" s="119">
        <v>23929467.609999999</v>
      </c>
      <c r="E15" s="119">
        <v>25144132.649999999</v>
      </c>
    </row>
    <row r="16" spans="1:5" ht="11.25" customHeight="1" x14ac:dyDescent="0.2">
      <c r="A16" s="118" t="s">
        <v>47</v>
      </c>
      <c r="B16" s="95">
        <v>0</v>
      </c>
      <c r="C16" s="95">
        <v>0</v>
      </c>
      <c r="D16" s="95">
        <v>0</v>
      </c>
      <c r="E16" s="95">
        <v>0</v>
      </c>
    </row>
    <row r="17" spans="1:5" ht="11.25" customHeight="1" x14ac:dyDescent="0.2">
      <c r="A17" s="118" t="s">
        <v>59</v>
      </c>
      <c r="B17" s="95">
        <v>18190989.489999998</v>
      </c>
      <c r="C17" s="95">
        <v>18190989.489999998</v>
      </c>
      <c r="D17" s="95">
        <v>23929467.609999999</v>
      </c>
      <c r="E17" s="95">
        <v>25144132.649999999</v>
      </c>
    </row>
    <row r="18" spans="1:5" ht="15" customHeight="1" x14ac:dyDescent="0.2">
      <c r="A18" s="25" t="s">
        <v>60</v>
      </c>
      <c r="B18" s="120">
        <v>18190989.489999998</v>
      </c>
      <c r="C18" s="120">
        <v>18190989.489999998</v>
      </c>
      <c r="D18" s="120">
        <v>23929467.609999999</v>
      </c>
      <c r="E18" s="120">
        <v>25144132.649999999</v>
      </c>
    </row>
    <row r="19" spans="1:5" ht="11.25" customHeight="1" x14ac:dyDescent="0.2">
      <c r="A19" s="26" t="s">
        <v>50</v>
      </c>
      <c r="B19" s="110">
        <v>8099122726.4699993</v>
      </c>
      <c r="C19" s="110">
        <v>8126448704.0600004</v>
      </c>
      <c r="D19" s="110">
        <v>8277846556.6599998</v>
      </c>
      <c r="E19" s="222">
        <v>8320781588.8699999</v>
      </c>
    </row>
    <row r="20" spans="1:5" ht="11.25" customHeight="1" x14ac:dyDescent="0.2">
      <c r="A20" s="121" t="s">
        <v>14</v>
      </c>
      <c r="B20" s="110">
        <v>0.22460444302871474</v>
      </c>
      <c r="C20" s="110">
        <v>0.22384918864880943</v>
      </c>
      <c r="D20" s="110">
        <v>0.28907841485352703</v>
      </c>
      <c r="E20" s="110">
        <v>0.3021847452844233</v>
      </c>
    </row>
    <row r="21" spans="1:5" ht="11.25" customHeight="1" x14ac:dyDescent="0.2">
      <c r="A21" s="121" t="s">
        <v>207</v>
      </c>
      <c r="B21" s="122">
        <v>1781806999.8233998</v>
      </c>
      <c r="C21" s="122">
        <v>1787818714.8932002</v>
      </c>
      <c r="D21" s="122">
        <v>1821126242.4651999</v>
      </c>
      <c r="E21" s="122">
        <v>1830571949.5513999</v>
      </c>
    </row>
    <row r="22" spans="1:5" ht="11.25" customHeight="1" x14ac:dyDescent="0.2">
      <c r="A22" s="121" t="s">
        <v>208</v>
      </c>
      <c r="B22" s="122">
        <v>1603626299.8410599</v>
      </c>
      <c r="C22" s="122">
        <v>1609036843.4038801</v>
      </c>
      <c r="D22" s="122">
        <v>1639013618.2186799</v>
      </c>
      <c r="E22" s="122">
        <v>1647514754.5962601</v>
      </c>
    </row>
    <row r="23" spans="1:5" ht="11.25" customHeight="1" x14ac:dyDescent="0.2">
      <c r="A23" s="24"/>
    </row>
    <row r="24" spans="1:5" ht="15" customHeight="1" x14ac:dyDescent="0.2">
      <c r="A24" s="253" t="s">
        <v>61</v>
      </c>
      <c r="B24" s="220" t="s">
        <v>34</v>
      </c>
      <c r="C24" s="309" t="s">
        <v>211</v>
      </c>
      <c r="D24" s="310"/>
      <c r="E24" s="310"/>
    </row>
    <row r="25" spans="1:5" ht="15" customHeight="1" x14ac:dyDescent="0.2">
      <c r="A25" s="256"/>
      <c r="B25" s="221" t="s">
        <v>35</v>
      </c>
      <c r="C25" s="223" t="s">
        <v>24</v>
      </c>
      <c r="D25" s="223" t="s">
        <v>25</v>
      </c>
      <c r="E25" s="223" t="s">
        <v>26</v>
      </c>
    </row>
    <row r="26" spans="1:5" ht="11.25" customHeight="1" x14ac:dyDescent="0.2">
      <c r="A26" s="23" t="s">
        <v>69</v>
      </c>
      <c r="B26" s="119">
        <v>0</v>
      </c>
      <c r="C26" s="119">
        <v>0</v>
      </c>
      <c r="D26" s="119">
        <v>0</v>
      </c>
      <c r="E26" s="119">
        <v>0</v>
      </c>
    </row>
    <row r="27" spans="1:5" ht="11.25" customHeight="1" x14ac:dyDescent="0.2">
      <c r="A27" s="118" t="s">
        <v>47</v>
      </c>
      <c r="B27" s="95"/>
      <c r="C27" s="95"/>
      <c r="D27" s="95"/>
      <c r="E27" s="95"/>
    </row>
    <row r="28" spans="1:5" ht="11.25" customHeight="1" x14ac:dyDescent="0.2">
      <c r="A28" s="118" t="s">
        <v>59</v>
      </c>
      <c r="B28" s="95"/>
      <c r="C28" s="95"/>
      <c r="D28" s="95"/>
      <c r="E28" s="95"/>
    </row>
    <row r="29" spans="1:5" ht="11.25" customHeight="1" x14ac:dyDescent="0.2">
      <c r="A29" s="23" t="s">
        <v>70</v>
      </c>
      <c r="B29" s="119">
        <v>0</v>
      </c>
      <c r="C29" s="119">
        <v>0</v>
      </c>
      <c r="D29" s="119">
        <v>0</v>
      </c>
      <c r="E29" s="119">
        <v>0</v>
      </c>
    </row>
    <row r="30" spans="1:5" ht="11.25" customHeight="1" x14ac:dyDescent="0.2">
      <c r="A30" s="118" t="s">
        <v>47</v>
      </c>
      <c r="B30" s="95"/>
      <c r="C30" s="95"/>
      <c r="D30" s="95"/>
      <c r="E30" s="95"/>
    </row>
    <row r="31" spans="1:5" ht="11.25" customHeight="1" x14ac:dyDescent="0.2">
      <c r="A31" s="118" t="s">
        <v>59</v>
      </c>
      <c r="B31" s="95"/>
      <c r="C31" s="95"/>
      <c r="D31" s="95"/>
      <c r="E31" s="95"/>
    </row>
    <row r="32" spans="1:5" ht="11.25" customHeight="1" x14ac:dyDescent="0.2">
      <c r="A32" s="25" t="s">
        <v>62</v>
      </c>
      <c r="B32" s="120">
        <v>0</v>
      </c>
      <c r="C32" s="120">
        <v>0</v>
      </c>
      <c r="D32" s="120">
        <v>0</v>
      </c>
      <c r="E32" s="120">
        <v>0</v>
      </c>
    </row>
    <row r="33" spans="1:9" ht="11.25" customHeight="1" x14ac:dyDescent="0.2">
      <c r="A33" s="26" t="s">
        <v>120</v>
      </c>
      <c r="B33" s="123"/>
      <c r="C33" s="124"/>
      <c r="D33" s="124"/>
      <c r="E33" s="124"/>
    </row>
    <row r="34" spans="1:9" ht="11.25" customHeight="1" x14ac:dyDescent="0.2">
      <c r="A34" s="36" t="s">
        <v>260</v>
      </c>
      <c r="B34" s="36"/>
      <c r="C34" s="36"/>
      <c r="D34" s="36"/>
      <c r="E34" s="89">
        <v>42398.340100000001</v>
      </c>
    </row>
    <row r="35" spans="1:9" s="16" customFormat="1" ht="11.25" customHeight="1" x14ac:dyDescent="0.2">
      <c r="A35" s="54" t="s">
        <v>158</v>
      </c>
      <c r="C35" s="101"/>
      <c r="D35" s="101"/>
      <c r="E35" s="101"/>
    </row>
    <row r="36" spans="1:9" ht="11.25" customHeight="1" x14ac:dyDescent="0.2">
      <c r="A36" s="4" t="s">
        <v>6</v>
      </c>
    </row>
    <row r="45" spans="1:9" ht="11.25" customHeight="1" x14ac:dyDescent="0.2">
      <c r="A45" s="3"/>
      <c r="B45" s="3"/>
      <c r="C45" s="3"/>
      <c r="D45" s="3"/>
      <c r="E45" s="3"/>
    </row>
    <row r="46" spans="1:9" ht="11.25" customHeight="1" x14ac:dyDescent="0.2">
      <c r="A46" s="3"/>
      <c r="B46" s="3"/>
      <c r="C46" s="3"/>
      <c r="D46" s="3"/>
      <c r="E46" s="3"/>
    </row>
    <row r="47" spans="1:9" ht="12.75" customHeight="1" x14ac:dyDescent="0.2">
      <c r="C47" s="4"/>
      <c r="D47" s="4"/>
      <c r="E47" s="4"/>
      <c r="F47" s="12"/>
      <c r="G47" s="12"/>
      <c r="H47" s="8"/>
      <c r="I47" s="8"/>
    </row>
    <row r="48" spans="1:9" ht="12.75" customHeight="1" x14ac:dyDescent="0.2">
      <c r="A48" s="3"/>
      <c r="B48" s="3"/>
      <c r="C48" s="3"/>
      <c r="D48" s="3"/>
      <c r="E48" s="3"/>
      <c r="F48" s="13"/>
      <c r="G48" s="13"/>
      <c r="H48" s="3"/>
      <c r="I48" s="3"/>
    </row>
    <row r="49" spans="1:9" ht="12.75" customHeight="1" x14ac:dyDescent="0.2">
      <c r="A49" s="3"/>
      <c r="B49" s="3"/>
      <c r="C49" s="3"/>
      <c r="D49" s="3"/>
      <c r="E49" s="3"/>
      <c r="F49" s="13"/>
      <c r="G49" s="13"/>
      <c r="H49" s="14"/>
      <c r="I49" s="14"/>
    </row>
    <row r="50" spans="1:9" ht="15" customHeight="1" x14ac:dyDescent="0.2">
      <c r="A50" s="3"/>
      <c r="B50" s="3"/>
      <c r="C50" s="3"/>
      <c r="D50" s="3"/>
      <c r="E50" s="3"/>
      <c r="F50" s="15"/>
      <c r="G50" s="15"/>
    </row>
    <row r="51" spans="1:9" ht="15" customHeight="1" x14ac:dyDescent="0.2">
      <c r="A51" s="3"/>
      <c r="B51" s="3"/>
      <c r="C51" s="3"/>
      <c r="D51" s="3"/>
      <c r="E51" s="3"/>
      <c r="F51" s="15"/>
      <c r="G51" s="15"/>
    </row>
  </sheetData>
  <customSheetViews>
    <customSheetView guid="{6D063188-16B5-4071-AE21-C7F6DB37AFBB}" showPageBreaks="1" showGridLines="0" fitToPage="1" printArea="1">
      <selection activeCell="G10" sqref="G10"/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6C121633-ED4E-47D4-9C39-9D582FC532C7}" showPageBreaks="1" showGridLines="0" fitToPage="1" printArea="1">
      <selection activeCell="E18" sqref="E18"/>
      <pageMargins left="0.19685039370078741" right="0.19685039370078741" top="0.59055118110236227" bottom="0.39370078740157483" header="0" footer="0"/>
      <printOptions horizontalCentered="1"/>
      <pageSetup paperSize="9" scale="92" orientation="landscape" r:id="rId2"/>
      <headerFooter alignWithMargins="0"/>
    </customSheetView>
    <customSheetView guid="{A3DDC128-A56B-4F45-A551-BA04BB179A3D}" showPageBreaks="1" showGridLines="0" fitToPage="1" printArea="1">
      <selection activeCell="E18" sqref="E18"/>
      <pageMargins left="0.19685039370078741" right="0.19685039370078741" top="0.59055118110236227" bottom="0.39370078740157483" header="0" footer="0"/>
      <printOptions horizontalCentered="1"/>
      <pageSetup paperSize="9" scale="92" orientation="landscape" r:id="rId3"/>
      <headerFooter alignWithMargins="0"/>
    </customSheetView>
    <customSheetView guid="{2E3109D4-AAF5-4B4A-B3D6-6363C0BC1DF5}" showPageBreaks="1" showGridLines="0" fitToPage="1" printArea="1">
      <selection activeCell="D20" sqref="D20"/>
      <pageMargins left="0.19685039370078741" right="0.19685039370078741" top="0.59055118110236227" bottom="0.39370078740157483" header="0" footer="0"/>
      <printOptions horizontalCentered="1"/>
      <pageSetup paperSize="9" scale="67" orientation="portrait" r:id="rId4"/>
      <headerFooter alignWithMargins="0"/>
    </customSheetView>
    <customSheetView guid="{05BE6146-A9DF-4967-AF82-02B690EDB2A3}" showPageBreaks="1" showGridLines="0" fitToPage="1" printArea="1" topLeftCell="A43">
      <selection activeCell="E21" sqref="E21"/>
      <pageMargins left="0.19685039370078741" right="0.19685039370078741" top="0.59055118110236227" bottom="0.39370078740157483" header="0" footer="0"/>
      <printOptions horizontalCentered="1"/>
      <pageSetup paperSize="9" scale="67" orientation="portrait" r:id="rId5"/>
      <headerFooter alignWithMargins="0"/>
    </customSheetView>
    <customSheetView guid="{D8FEB5D0-D989-4C2B-BD50-DB181944A81F}" showPageBreaks="1" showGridLines="0" fitToPage="1" printArea="1">
      <selection activeCell="I25" sqref="I25"/>
      <pageMargins left="0.19685039370078741" right="0.19685039370078741" top="0.59055118110236227" bottom="0.39370078740157483" header="0" footer="0"/>
      <printOptions horizontalCentered="1"/>
      <pageSetup paperSize="9" scale="68" orientation="portrait" r:id="rId6"/>
      <headerFooter alignWithMargins="0"/>
    </customSheetView>
  </customSheetViews>
  <mergeCells count="9">
    <mergeCell ref="C24:E24"/>
    <mergeCell ref="A3:E3"/>
    <mergeCell ref="A4:E4"/>
    <mergeCell ref="A5:E5"/>
    <mergeCell ref="A6:E6"/>
    <mergeCell ref="A7:E7"/>
    <mergeCell ref="A24:A25"/>
    <mergeCell ref="A10:A11"/>
    <mergeCell ref="C10:E10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7" orientation="portrait" r:id="rId7"/>
  <headerFooter alignWithMargins="0"/>
  <drawing r:id="rId8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D78"/>
  <sheetViews>
    <sheetView showGridLines="0" zoomScaleNormal="100" workbookViewId="0"/>
  </sheetViews>
  <sheetFormatPr defaultRowHeight="11.25" customHeight="1" x14ac:dyDescent="0.2"/>
  <cols>
    <col min="1" max="1" width="78.5703125" style="16" customWidth="1"/>
    <col min="2" max="2" width="25.7109375" style="4" customWidth="1"/>
    <col min="3" max="3" width="25" style="4" customWidth="1"/>
    <col min="4" max="4" width="21" style="4" customWidth="1"/>
    <col min="5" max="16384" width="9.140625" style="4"/>
  </cols>
  <sheetData>
    <row r="1" spans="1:4" ht="10.5" x14ac:dyDescent="0.2">
      <c r="A1" s="23"/>
    </row>
    <row r="2" spans="1:4" ht="11.25" customHeight="1" x14ac:dyDescent="0.2">
      <c r="A2" s="23"/>
    </row>
    <row r="3" spans="1:4" ht="11.25" customHeight="1" x14ac:dyDescent="0.2">
      <c r="A3" s="240" t="s">
        <v>199</v>
      </c>
      <c r="B3" s="240"/>
      <c r="C3" s="240"/>
      <c r="D3" s="240"/>
    </row>
    <row r="4" spans="1:4" ht="11.25" customHeight="1" x14ac:dyDescent="0.2">
      <c r="A4" s="240" t="s">
        <v>0</v>
      </c>
      <c r="B4" s="240"/>
      <c r="C4" s="240"/>
      <c r="D4" s="240"/>
    </row>
    <row r="5" spans="1:4" ht="11.25" customHeight="1" x14ac:dyDescent="0.2">
      <c r="A5" s="308" t="s">
        <v>11</v>
      </c>
      <c r="B5" s="308"/>
      <c r="C5" s="308"/>
      <c r="D5" s="308"/>
    </row>
    <row r="6" spans="1:4" ht="11.25" customHeight="1" x14ac:dyDescent="0.2">
      <c r="A6" s="240" t="s">
        <v>4</v>
      </c>
      <c r="B6" s="240"/>
      <c r="C6" s="240"/>
      <c r="D6" s="240"/>
    </row>
    <row r="7" spans="1:4" ht="11.25" customHeight="1" x14ac:dyDescent="0.2">
      <c r="A7" s="240" t="s">
        <v>217</v>
      </c>
      <c r="B7" s="240"/>
      <c r="C7" s="240"/>
      <c r="D7" s="240"/>
    </row>
    <row r="8" spans="1:4" ht="11.25" customHeight="1" x14ac:dyDescent="0.2">
      <c r="A8" s="151"/>
      <c r="B8" s="102"/>
      <c r="C8" s="102"/>
    </row>
    <row r="9" spans="1:4" ht="11.25" customHeight="1" x14ac:dyDescent="0.2">
      <c r="A9" s="152" t="s">
        <v>150</v>
      </c>
      <c r="B9" s="104"/>
      <c r="D9" s="6">
        <v>1</v>
      </c>
    </row>
    <row r="10" spans="1:4" ht="15" customHeight="1" x14ac:dyDescent="0.2">
      <c r="A10" s="321" t="s">
        <v>2</v>
      </c>
      <c r="B10" s="278"/>
      <c r="C10" s="317" t="s">
        <v>127</v>
      </c>
      <c r="D10" s="298"/>
    </row>
    <row r="11" spans="1:4" ht="15" customHeight="1" x14ac:dyDescent="0.2">
      <c r="A11" s="322"/>
      <c r="B11" s="323"/>
      <c r="C11" s="19" t="s">
        <v>72</v>
      </c>
      <c r="D11" s="18" t="s">
        <v>74</v>
      </c>
    </row>
    <row r="12" spans="1:4" ht="15" customHeight="1" x14ac:dyDescent="0.2">
      <c r="A12" s="322"/>
      <c r="B12" s="323"/>
      <c r="C12" s="19" t="s">
        <v>20</v>
      </c>
      <c r="D12" s="19" t="s">
        <v>75</v>
      </c>
    </row>
    <row r="13" spans="1:4" ht="15" customHeight="1" x14ac:dyDescent="0.2">
      <c r="A13" s="322"/>
      <c r="B13" s="323"/>
      <c r="C13" s="19" t="s">
        <v>73</v>
      </c>
      <c r="D13" s="19" t="s">
        <v>73</v>
      </c>
    </row>
    <row r="14" spans="1:4" ht="15" customHeight="1" x14ac:dyDescent="0.2">
      <c r="A14" s="324"/>
      <c r="B14" s="325"/>
      <c r="C14" s="105"/>
      <c r="D14" s="106" t="s">
        <v>63</v>
      </c>
    </row>
    <row r="15" spans="1:4" ht="11.25" customHeight="1" x14ac:dyDescent="0.2">
      <c r="A15" s="147" t="s">
        <v>76</v>
      </c>
      <c r="B15" s="107"/>
      <c r="C15" s="189">
        <v>0</v>
      </c>
      <c r="D15" s="190">
        <v>6169244.4500000002</v>
      </c>
    </row>
    <row r="16" spans="1:4" ht="11.25" customHeight="1" x14ac:dyDescent="0.2">
      <c r="A16" s="146" t="s">
        <v>77</v>
      </c>
      <c r="B16" s="100"/>
      <c r="C16" s="191">
        <v>0</v>
      </c>
      <c r="D16" s="191">
        <v>0</v>
      </c>
    </row>
    <row r="17" spans="1:4" ht="11.25" customHeight="1" x14ac:dyDescent="0.2">
      <c r="A17" s="146" t="s">
        <v>78</v>
      </c>
      <c r="B17" s="100"/>
      <c r="C17" s="191">
        <v>0</v>
      </c>
      <c r="D17" s="191">
        <v>0</v>
      </c>
    </row>
    <row r="18" spans="1:4" ht="11.25" customHeight="1" x14ac:dyDescent="0.2">
      <c r="A18" s="146" t="s">
        <v>79</v>
      </c>
      <c r="B18" s="100"/>
      <c r="C18" s="191">
        <v>0</v>
      </c>
      <c r="D18" s="191">
        <v>0</v>
      </c>
    </row>
    <row r="19" spans="1:4" ht="11.25" customHeight="1" x14ac:dyDescent="0.2">
      <c r="A19" s="146" t="s">
        <v>80</v>
      </c>
      <c r="B19" s="100"/>
      <c r="C19" s="191">
        <v>0</v>
      </c>
      <c r="D19" s="191">
        <v>6169244.4500000002</v>
      </c>
    </row>
    <row r="20" spans="1:4" ht="11.25" customHeight="1" x14ac:dyDescent="0.2">
      <c r="A20" s="146" t="s">
        <v>78</v>
      </c>
      <c r="B20" s="100"/>
      <c r="C20" s="191">
        <v>0</v>
      </c>
      <c r="D20" s="191">
        <v>0</v>
      </c>
    </row>
    <row r="21" spans="1:4" ht="11.25" customHeight="1" x14ac:dyDescent="0.2">
      <c r="A21" s="146" t="s">
        <v>81</v>
      </c>
      <c r="B21" s="100"/>
      <c r="C21" s="191">
        <v>0</v>
      </c>
      <c r="D21" s="191">
        <v>0</v>
      </c>
    </row>
    <row r="22" spans="1:4" ht="11.25" customHeight="1" x14ac:dyDescent="0.2">
      <c r="A22" s="146" t="s">
        <v>82</v>
      </c>
      <c r="B22" s="100"/>
      <c r="C22" s="191">
        <v>0</v>
      </c>
      <c r="D22" s="191">
        <v>0</v>
      </c>
    </row>
    <row r="23" spans="1:4" ht="11.25" customHeight="1" x14ac:dyDescent="0.2">
      <c r="A23" s="146" t="s">
        <v>83</v>
      </c>
      <c r="B23" s="100"/>
      <c r="C23" s="191">
        <v>0</v>
      </c>
      <c r="D23" s="191">
        <v>0</v>
      </c>
    </row>
    <row r="24" spans="1:4" ht="11.25" customHeight="1" x14ac:dyDescent="0.2">
      <c r="A24" s="146" t="s">
        <v>84</v>
      </c>
      <c r="B24" s="100"/>
      <c r="C24" s="191">
        <v>0</v>
      </c>
      <c r="D24" s="191">
        <v>0</v>
      </c>
    </row>
    <row r="25" spans="1:4" ht="11.25" customHeight="1" x14ac:dyDescent="0.2">
      <c r="A25" s="146" t="s">
        <v>85</v>
      </c>
      <c r="B25" s="100"/>
      <c r="C25" s="191">
        <v>0</v>
      </c>
      <c r="D25" s="191">
        <v>0</v>
      </c>
    </row>
    <row r="26" spans="1:4" ht="11.25" customHeight="1" x14ac:dyDescent="0.2">
      <c r="A26" s="146" t="s">
        <v>86</v>
      </c>
      <c r="B26" s="100"/>
      <c r="C26" s="191">
        <v>0</v>
      </c>
      <c r="D26" s="186">
        <v>0</v>
      </c>
    </row>
    <row r="27" spans="1:4" ht="11.25" customHeight="1" x14ac:dyDescent="0.2">
      <c r="A27" s="146" t="s">
        <v>87</v>
      </c>
      <c r="B27" s="100"/>
      <c r="C27" s="191">
        <v>0</v>
      </c>
      <c r="D27" s="186">
        <v>0</v>
      </c>
    </row>
    <row r="28" spans="1:4" ht="11.25" customHeight="1" x14ac:dyDescent="0.2">
      <c r="A28" s="146" t="s">
        <v>88</v>
      </c>
      <c r="B28" s="100"/>
      <c r="C28" s="191">
        <v>0</v>
      </c>
      <c r="D28" s="186">
        <v>0</v>
      </c>
    </row>
    <row r="29" spans="1:4" ht="11.25" customHeight="1" x14ac:dyDescent="0.2">
      <c r="A29" s="146" t="s">
        <v>89</v>
      </c>
      <c r="B29" s="100"/>
      <c r="C29" s="191">
        <v>0</v>
      </c>
      <c r="D29" s="186">
        <v>0</v>
      </c>
    </row>
    <row r="30" spans="1:4" ht="11.25" customHeight="1" x14ac:dyDescent="0.2">
      <c r="A30" s="146" t="s">
        <v>79</v>
      </c>
      <c r="B30" s="100"/>
      <c r="C30" s="192">
        <v>0</v>
      </c>
      <c r="D30" s="186">
        <v>6169244.4500000002</v>
      </c>
    </row>
    <row r="31" spans="1:4" ht="11.25" customHeight="1" x14ac:dyDescent="0.2">
      <c r="A31" s="108" t="s">
        <v>213</v>
      </c>
      <c r="B31" s="109"/>
      <c r="C31" s="193">
        <v>0</v>
      </c>
      <c r="D31" s="187">
        <v>6169244.4500000002</v>
      </c>
    </row>
    <row r="32" spans="1:4" ht="11.25" customHeight="1" x14ac:dyDescent="0.2">
      <c r="A32" s="147" t="s">
        <v>90</v>
      </c>
      <c r="B32" s="107"/>
      <c r="C32" s="194">
        <v>23025182.309999999</v>
      </c>
      <c r="D32" s="190">
        <v>35829509.509999998</v>
      </c>
    </row>
    <row r="33" spans="1:4" ht="11.25" customHeight="1" x14ac:dyDescent="0.2">
      <c r="A33" s="146" t="s">
        <v>33</v>
      </c>
      <c r="B33" s="100"/>
      <c r="C33" s="195">
        <v>0</v>
      </c>
      <c r="D33" s="191">
        <v>0</v>
      </c>
    </row>
    <row r="34" spans="1:4" ht="11.25" customHeight="1" x14ac:dyDescent="0.2">
      <c r="A34" s="146" t="s">
        <v>91</v>
      </c>
      <c r="B34" s="100"/>
      <c r="C34" s="195">
        <v>0</v>
      </c>
      <c r="D34" s="191">
        <v>0</v>
      </c>
    </row>
    <row r="35" spans="1:4" ht="11.25" customHeight="1" x14ac:dyDescent="0.2">
      <c r="A35" s="146" t="s">
        <v>30</v>
      </c>
      <c r="B35" s="100"/>
      <c r="C35" s="195">
        <v>0</v>
      </c>
      <c r="D35" s="191">
        <v>0</v>
      </c>
    </row>
    <row r="36" spans="1:4" ht="11.25" customHeight="1" x14ac:dyDescent="0.2">
      <c r="A36" s="146" t="s">
        <v>92</v>
      </c>
      <c r="B36" s="100"/>
      <c r="C36" s="195">
        <v>0</v>
      </c>
      <c r="D36" s="191">
        <v>0</v>
      </c>
    </row>
    <row r="37" spans="1:4" ht="11.25" customHeight="1" x14ac:dyDescent="0.2">
      <c r="A37" s="146" t="s">
        <v>21</v>
      </c>
      <c r="B37" s="100"/>
      <c r="C37" s="195">
        <v>0</v>
      </c>
      <c r="D37" s="191">
        <v>0</v>
      </c>
    </row>
    <row r="38" spans="1:4" ht="11.25" customHeight="1" x14ac:dyDescent="0.2">
      <c r="A38" s="146" t="s">
        <v>31</v>
      </c>
      <c r="B38" s="100"/>
      <c r="C38" s="195">
        <v>0</v>
      </c>
      <c r="D38" s="191">
        <v>0</v>
      </c>
    </row>
    <row r="39" spans="1:4" ht="11.25" customHeight="1" x14ac:dyDescent="0.2">
      <c r="A39" s="313" t="s">
        <v>214</v>
      </c>
      <c r="B39" s="326"/>
      <c r="C39" s="195">
        <v>0</v>
      </c>
      <c r="D39" s="191">
        <v>2803010.65</v>
      </c>
    </row>
    <row r="40" spans="1:4" ht="11.25" customHeight="1" x14ac:dyDescent="0.2">
      <c r="A40" s="146" t="s">
        <v>93</v>
      </c>
      <c r="B40" s="100"/>
      <c r="C40" s="195">
        <v>0</v>
      </c>
      <c r="D40" s="191">
        <v>0</v>
      </c>
    </row>
    <row r="41" spans="1:4" ht="11.25" customHeight="1" x14ac:dyDescent="0.2">
      <c r="A41" s="183" t="s">
        <v>259</v>
      </c>
      <c r="B41" s="184"/>
      <c r="C41" s="195">
        <v>2463855.34</v>
      </c>
      <c r="D41" s="191">
        <v>2463855.34</v>
      </c>
    </row>
    <row r="42" spans="1:4" ht="11.25" customHeight="1" x14ac:dyDescent="0.2">
      <c r="A42" s="327" t="s">
        <v>215</v>
      </c>
      <c r="B42" s="328"/>
      <c r="C42" s="196">
        <v>20561326.969999999</v>
      </c>
      <c r="D42" s="193">
        <v>30562643.52</v>
      </c>
    </row>
    <row r="43" spans="1:4" ht="11.25" customHeight="1" x14ac:dyDescent="0.2">
      <c r="A43" s="313"/>
      <c r="B43" s="313"/>
      <c r="C43" s="313"/>
    </row>
    <row r="44" spans="1:4" ht="15" customHeight="1" x14ac:dyDescent="0.2">
      <c r="A44" s="321" t="s">
        <v>94</v>
      </c>
      <c r="B44" s="278"/>
      <c r="C44" s="319" t="s">
        <v>3</v>
      </c>
      <c r="D44" s="18" t="s">
        <v>95</v>
      </c>
    </row>
    <row r="45" spans="1:4" ht="15" customHeight="1" x14ac:dyDescent="0.2">
      <c r="A45" s="324"/>
      <c r="B45" s="325"/>
      <c r="C45" s="320"/>
      <c r="D45" s="106" t="s">
        <v>96</v>
      </c>
    </row>
    <row r="46" spans="1:4" ht="11.25" customHeight="1" x14ac:dyDescent="0.2">
      <c r="A46" s="318" t="s">
        <v>97</v>
      </c>
      <c r="B46" s="318"/>
      <c r="C46" s="197">
        <v>8320781588.8699999</v>
      </c>
      <c r="D46" s="10">
        <v>100</v>
      </c>
    </row>
    <row r="47" spans="1:4" ht="11.25" customHeight="1" x14ac:dyDescent="0.2">
      <c r="A47" s="318" t="s">
        <v>160</v>
      </c>
      <c r="B47" s="318"/>
      <c r="C47" s="197">
        <v>0</v>
      </c>
      <c r="D47" s="110">
        <v>0</v>
      </c>
    </row>
    <row r="48" spans="1:4" ht="11.25" customHeight="1" x14ac:dyDescent="0.2">
      <c r="A48" s="145" t="s">
        <v>154</v>
      </c>
      <c r="B48" s="111"/>
      <c r="C48" s="197">
        <v>0</v>
      </c>
      <c r="D48" s="110">
        <v>0</v>
      </c>
    </row>
    <row r="49" spans="1:4" ht="11.25" customHeight="1" x14ac:dyDescent="0.2">
      <c r="A49" s="145" t="s">
        <v>155</v>
      </c>
      <c r="B49" s="111"/>
      <c r="C49" s="197">
        <v>0</v>
      </c>
      <c r="D49" s="110">
        <v>0</v>
      </c>
    </row>
    <row r="50" spans="1:4" ht="11.25" customHeight="1" x14ac:dyDescent="0.2">
      <c r="A50" s="318" t="s">
        <v>121</v>
      </c>
      <c r="B50" s="318"/>
      <c r="C50" s="197">
        <v>6169244.4500000002</v>
      </c>
      <c r="D50" s="110">
        <v>7.4142607687865195E-2</v>
      </c>
    </row>
    <row r="51" spans="1:4" ht="24.95" customHeight="1" x14ac:dyDescent="0.2">
      <c r="A51" s="318" t="s">
        <v>98</v>
      </c>
      <c r="B51" s="318"/>
      <c r="C51" s="197">
        <v>1331325054.2191999</v>
      </c>
      <c r="D51" s="112">
        <v>16</v>
      </c>
    </row>
    <row r="52" spans="1:4" ht="11.25" customHeight="1" x14ac:dyDescent="0.2">
      <c r="A52" s="113" t="s">
        <v>208</v>
      </c>
      <c r="B52" s="111"/>
      <c r="C52" s="198">
        <v>1198192548.7972798</v>
      </c>
      <c r="D52" s="112">
        <v>14.4</v>
      </c>
    </row>
    <row r="53" spans="1:4" ht="11.25" customHeight="1" x14ac:dyDescent="0.2">
      <c r="A53" s="318" t="s">
        <v>99</v>
      </c>
      <c r="B53" s="318"/>
      <c r="C53" s="197">
        <v>0</v>
      </c>
      <c r="D53" s="110">
        <v>0</v>
      </c>
    </row>
    <row r="54" spans="1:4" ht="24.95" customHeight="1" x14ac:dyDescent="0.2">
      <c r="A54" s="314" t="s">
        <v>100</v>
      </c>
      <c r="B54" s="314"/>
      <c r="C54" s="197">
        <v>582454711.22090006</v>
      </c>
      <c r="D54" s="110">
        <v>7</v>
      </c>
    </row>
    <row r="55" spans="1:4" ht="11.25" customHeight="1" x14ac:dyDescent="0.2">
      <c r="A55" s="114"/>
      <c r="B55" s="114"/>
      <c r="C55" s="199"/>
      <c r="D55" s="115"/>
    </row>
    <row r="56" spans="1:4" ht="15" customHeight="1" x14ac:dyDescent="0.2">
      <c r="A56" s="315" t="s">
        <v>122</v>
      </c>
      <c r="B56" s="316"/>
      <c r="C56" s="200">
        <v>41998753.960000001</v>
      </c>
      <c r="D56" s="133">
        <v>0.50474529960236136</v>
      </c>
    </row>
    <row r="57" spans="1:4" ht="11.25" customHeight="1" x14ac:dyDescent="0.2">
      <c r="A57" s="313" t="s">
        <v>260</v>
      </c>
      <c r="B57" s="313"/>
      <c r="C57" s="313"/>
      <c r="D57" s="89">
        <v>42398.340138194442</v>
      </c>
    </row>
    <row r="58" spans="1:4" ht="24.75" customHeight="1" x14ac:dyDescent="0.2">
      <c r="A58" s="311" t="s">
        <v>152</v>
      </c>
      <c r="B58" s="312"/>
      <c r="C58" s="312"/>
    </row>
    <row r="59" spans="1:4" ht="11.25" customHeight="1" x14ac:dyDescent="0.2">
      <c r="A59" s="311" t="s">
        <v>151</v>
      </c>
      <c r="B59" s="312"/>
      <c r="C59" s="312"/>
    </row>
    <row r="60" spans="1:4" ht="11.25" customHeight="1" x14ac:dyDescent="0.2">
      <c r="A60" s="311" t="s">
        <v>101</v>
      </c>
      <c r="B60" s="311"/>
      <c r="C60" s="311"/>
      <c r="D60" s="16"/>
    </row>
    <row r="61" spans="1:4" ht="11.25" customHeight="1" x14ac:dyDescent="0.2">
      <c r="B61" s="16"/>
      <c r="C61" s="16"/>
      <c r="D61" s="16"/>
    </row>
    <row r="65" spans="1:4" ht="11.25" customHeight="1" x14ac:dyDescent="0.2">
      <c r="A65" s="146"/>
      <c r="B65" s="116"/>
      <c r="C65" s="116"/>
    </row>
    <row r="66" spans="1:4" s="3" customFormat="1" ht="10.5" x14ac:dyDescent="0.2">
      <c r="A66" s="150"/>
    </row>
    <row r="67" spans="1:4" s="3" customFormat="1" ht="10.5" x14ac:dyDescent="0.2">
      <c r="A67" s="150"/>
    </row>
    <row r="68" spans="1:4" s="3" customFormat="1" ht="10.5" x14ac:dyDescent="0.2">
      <c r="A68" s="150"/>
    </row>
    <row r="69" spans="1:4" s="3" customFormat="1" ht="10.5" x14ac:dyDescent="0.2">
      <c r="A69" s="150"/>
    </row>
    <row r="70" spans="1:4" s="3" customFormat="1" ht="10.5" x14ac:dyDescent="0.2">
      <c r="A70" s="150"/>
    </row>
    <row r="71" spans="1:4" ht="10.5" x14ac:dyDescent="0.2"/>
    <row r="72" spans="1:4" s="3" customFormat="1" ht="10.5" x14ac:dyDescent="0.2">
      <c r="A72" s="150"/>
    </row>
    <row r="73" spans="1:4" s="3" customFormat="1" ht="10.5" x14ac:dyDescent="0.2">
      <c r="A73" s="150"/>
    </row>
    <row r="74" spans="1:4" s="3" customFormat="1" ht="10.5" x14ac:dyDescent="0.2">
      <c r="A74" s="150"/>
    </row>
    <row r="75" spans="1:4" s="3" customFormat="1" ht="10.5" x14ac:dyDescent="0.2">
      <c r="A75" s="150"/>
    </row>
    <row r="76" spans="1:4" s="3" customFormat="1" ht="10.5" x14ac:dyDescent="0.2">
      <c r="A76" s="16"/>
      <c r="B76" s="16"/>
      <c r="C76" s="16"/>
      <c r="D76" s="16"/>
    </row>
    <row r="77" spans="1:4" s="3" customFormat="1" ht="10.5" x14ac:dyDescent="0.2">
      <c r="A77" s="16"/>
      <c r="B77" s="16"/>
      <c r="C77" s="16"/>
      <c r="D77" s="16"/>
    </row>
    <row r="78" spans="1:4" s="3" customFormat="1" ht="10.5" x14ac:dyDescent="0.2">
      <c r="A78" s="16"/>
      <c r="B78" s="16"/>
      <c r="C78" s="16"/>
      <c r="D78" s="16"/>
    </row>
  </sheetData>
  <customSheetViews>
    <customSheetView guid="{6D063188-16B5-4071-AE21-C7F6DB37AFBB}" showPageBreaks="1" showGridLines="0" fitToPage="1" printArea="1">
      <selection activeCell="G42" sqref="G42"/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6C121633-ED4E-47D4-9C39-9D582FC532C7}" showPageBreaks="1" showGridLines="0" fitToPage="1" printArea="1" topLeftCell="A31">
      <selection activeCell="G42" sqref="G42"/>
      <pageMargins left="0.19685039370078741" right="0.19685039370078741" top="0.19685039370078741" bottom="0.19685039370078741" header="0" footer="0"/>
      <printOptions horizontalCentered="1"/>
      <pageSetup paperSize="9" scale="68" orientation="portrait" r:id="rId2"/>
      <headerFooter alignWithMargins="0"/>
    </customSheetView>
    <customSheetView guid="{A3DDC128-A56B-4F45-A551-BA04BB179A3D}" showPageBreaks="1" showGridLines="0" fitToPage="1" printArea="1" topLeftCell="A31">
      <selection activeCell="G42" sqref="G42"/>
      <pageMargins left="0.19685039370078741" right="0.19685039370078741" top="0.19685039370078741" bottom="0.19685039370078741" header="0" footer="0"/>
      <printOptions horizontalCentered="1"/>
      <pageSetup paperSize="9" scale="67" orientation="portrait" r:id="rId3"/>
      <headerFooter alignWithMargins="0"/>
    </customSheetView>
    <customSheetView guid="{2E3109D4-AAF5-4B4A-B3D6-6363C0BC1DF5}" showPageBreaks="1" showGridLines="0" fitToPage="1" printArea="1" topLeftCell="A28">
      <selection activeCell="C53" sqref="C53"/>
      <pageMargins left="0.19685039370078741" right="0.19685039370078741" top="0.19685039370078741" bottom="0.19685039370078741" header="0" footer="0"/>
      <printOptions horizontalCentered="1"/>
      <pageSetup paperSize="9" scale="67" orientation="portrait" r:id="rId4"/>
      <headerFooter alignWithMargins="0"/>
    </customSheetView>
    <customSheetView guid="{05BE6146-A9DF-4967-AF82-02B690EDB2A3}" showPageBreaks="1" showGridLines="0" fitToPage="1" printArea="1" topLeftCell="A52">
      <selection activeCell="A77" sqref="A77"/>
      <pageMargins left="0.19685039370078741" right="0.19685039370078741" top="0.59055118110236227" bottom="0.39370078740157483" header="0" footer="0"/>
      <printOptions horizontalCentered="1"/>
      <pageSetup paperSize="9" scale="67" orientation="portrait" r:id="rId5"/>
      <headerFooter alignWithMargins="0"/>
    </customSheetView>
    <customSheetView guid="{D8FEB5D0-D989-4C2B-BD50-DB181944A81F}" showPageBreaks="1" showGridLines="0" fitToPage="1" printArea="1">
      <selection activeCell="F50" sqref="F50"/>
      <pageMargins left="0.19685039370078741" right="0.19685039370078741" top="0.19685039370078741" bottom="0.19685039370078741" header="0" footer="0"/>
      <printOptions horizontalCentered="1"/>
      <pageSetup paperSize="9" scale="68" orientation="portrait" r:id="rId6"/>
      <headerFooter alignWithMargins="0"/>
    </customSheetView>
  </customSheetViews>
  <mergeCells count="23">
    <mergeCell ref="A3:D3"/>
    <mergeCell ref="A4:D4"/>
    <mergeCell ref="A5:D5"/>
    <mergeCell ref="A6:D6"/>
    <mergeCell ref="A7:D7"/>
    <mergeCell ref="C10:D10"/>
    <mergeCell ref="A46:B46"/>
    <mergeCell ref="C44:C45"/>
    <mergeCell ref="A51:B51"/>
    <mergeCell ref="A53:B53"/>
    <mergeCell ref="A47:B47"/>
    <mergeCell ref="A50:B50"/>
    <mergeCell ref="A10:B14"/>
    <mergeCell ref="A44:B45"/>
    <mergeCell ref="A39:B39"/>
    <mergeCell ref="A42:B42"/>
    <mergeCell ref="A59:C59"/>
    <mergeCell ref="A60:C60"/>
    <mergeCell ref="A57:C57"/>
    <mergeCell ref="A43:C43"/>
    <mergeCell ref="A58:C58"/>
    <mergeCell ref="A54:B54"/>
    <mergeCell ref="A56:B56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7" orientation="portrait" r:id="rId7"/>
  <headerFooter alignWithMargins="0"/>
  <drawing r:id="rId8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K66"/>
  <sheetViews>
    <sheetView showGridLines="0" zoomScaleNormal="100" workbookViewId="0"/>
  </sheetViews>
  <sheetFormatPr defaultRowHeight="10.5" x14ac:dyDescent="0.2"/>
  <cols>
    <col min="1" max="1" width="48.28515625" style="150" customWidth="1"/>
    <col min="2" max="2" width="19" style="3" bestFit="1" customWidth="1"/>
    <col min="3" max="3" width="17" style="3" customWidth="1"/>
    <col min="4" max="4" width="17.28515625" style="3" customWidth="1"/>
    <col min="5" max="5" width="15.7109375" style="3" customWidth="1"/>
    <col min="6" max="6" width="17.5703125" style="3" customWidth="1"/>
    <col min="7" max="7" width="26.7109375" style="3" customWidth="1"/>
    <col min="8" max="8" width="17.85546875" style="3" customWidth="1"/>
    <col min="9" max="9" width="19.42578125" style="150" customWidth="1"/>
    <col min="10" max="10" width="9.140625" style="150"/>
    <col min="11" max="16384" width="9.140625" style="3"/>
  </cols>
  <sheetData>
    <row r="1" spans="1:11" x14ac:dyDescent="0.2">
      <c r="A1" s="3"/>
      <c r="B1" s="177"/>
      <c r="C1" s="177"/>
      <c r="D1" s="177"/>
      <c r="E1" s="177"/>
      <c r="F1" s="177"/>
      <c r="G1" s="177"/>
    </row>
    <row r="2" spans="1:11" x14ac:dyDescent="0.2">
      <c r="A2" s="329"/>
      <c r="B2" s="329"/>
      <c r="C2" s="329"/>
      <c r="D2" s="329"/>
      <c r="E2" s="329"/>
      <c r="F2" s="329"/>
      <c r="G2" s="329"/>
    </row>
    <row r="3" spans="1:11" x14ac:dyDescent="0.2">
      <c r="A3" s="240" t="s">
        <v>199</v>
      </c>
      <c r="B3" s="240"/>
      <c r="C3" s="240"/>
      <c r="D3" s="240"/>
      <c r="E3" s="240"/>
      <c r="F3" s="240"/>
      <c r="G3" s="240"/>
      <c r="H3" s="240"/>
      <c r="I3" s="240"/>
    </row>
    <row r="4" spans="1:11" x14ac:dyDescent="0.2">
      <c r="A4" s="240" t="s">
        <v>0</v>
      </c>
      <c r="B4" s="240"/>
      <c r="C4" s="240"/>
      <c r="D4" s="240"/>
      <c r="E4" s="240"/>
      <c r="F4" s="240"/>
      <c r="G4" s="240"/>
      <c r="H4" s="240"/>
      <c r="I4" s="240"/>
    </row>
    <row r="5" spans="1:11" x14ac:dyDescent="0.2">
      <c r="A5" s="340" t="s">
        <v>257</v>
      </c>
      <c r="B5" s="340"/>
      <c r="C5" s="340"/>
      <c r="D5" s="340"/>
      <c r="E5" s="340"/>
      <c r="F5" s="340"/>
      <c r="G5" s="340"/>
      <c r="H5" s="340"/>
      <c r="I5" s="340"/>
    </row>
    <row r="6" spans="1:11" x14ac:dyDescent="0.2">
      <c r="A6" s="240" t="s">
        <v>4</v>
      </c>
      <c r="B6" s="240"/>
      <c r="C6" s="240"/>
      <c r="D6" s="240"/>
      <c r="E6" s="240"/>
      <c r="F6" s="240"/>
      <c r="G6" s="240"/>
      <c r="H6" s="240"/>
      <c r="I6" s="240"/>
    </row>
    <row r="7" spans="1:11" x14ac:dyDescent="0.2">
      <c r="A7" s="240" t="s">
        <v>217</v>
      </c>
      <c r="B7" s="240"/>
      <c r="C7" s="240"/>
      <c r="D7" s="240"/>
      <c r="E7" s="240"/>
      <c r="F7" s="240"/>
      <c r="G7" s="240"/>
      <c r="H7" s="240"/>
      <c r="I7" s="240"/>
    </row>
    <row r="8" spans="1:11" x14ac:dyDescent="0.2">
      <c r="A8" s="3"/>
    </row>
    <row r="9" spans="1:11" x14ac:dyDescent="0.2">
      <c r="A9" s="3"/>
    </row>
    <row r="10" spans="1:11" x14ac:dyDescent="0.2">
      <c r="A10" s="333" t="s">
        <v>218</v>
      </c>
      <c r="B10" s="333"/>
      <c r="C10" s="334"/>
      <c r="D10" s="172"/>
      <c r="E10" s="172"/>
      <c r="F10" s="172"/>
      <c r="I10" s="6">
        <v>1</v>
      </c>
    </row>
    <row r="11" spans="1:11" ht="24.95" customHeight="1" x14ac:dyDescent="0.2">
      <c r="A11" s="253" t="s">
        <v>219</v>
      </c>
      <c r="B11" s="330" t="s">
        <v>220</v>
      </c>
      <c r="C11" s="335" t="s">
        <v>221</v>
      </c>
      <c r="D11" s="335"/>
      <c r="E11" s="335"/>
      <c r="F11" s="335"/>
      <c r="G11" s="330" t="s">
        <v>123</v>
      </c>
      <c r="H11" s="330" t="s">
        <v>222</v>
      </c>
      <c r="I11" s="336" t="s">
        <v>255</v>
      </c>
    </row>
    <row r="12" spans="1:11" ht="30" customHeight="1" x14ac:dyDescent="0.2">
      <c r="A12" s="269"/>
      <c r="B12" s="331"/>
      <c r="C12" s="335" t="s">
        <v>223</v>
      </c>
      <c r="D12" s="335"/>
      <c r="E12" s="330" t="s">
        <v>224</v>
      </c>
      <c r="F12" s="330" t="s">
        <v>225</v>
      </c>
      <c r="G12" s="331"/>
      <c r="H12" s="331"/>
      <c r="I12" s="337"/>
    </row>
    <row r="13" spans="1:11" ht="30" customHeight="1" x14ac:dyDescent="0.2">
      <c r="A13" s="269"/>
      <c r="B13" s="331"/>
      <c r="C13" s="161" t="s">
        <v>226</v>
      </c>
      <c r="D13" s="161" t="s">
        <v>227</v>
      </c>
      <c r="E13" s="331"/>
      <c r="F13" s="331"/>
      <c r="G13" s="331"/>
      <c r="H13" s="331"/>
      <c r="I13" s="338" t="s">
        <v>256</v>
      </c>
      <c r="K13" s="170"/>
    </row>
    <row r="14" spans="1:11" s="170" customFormat="1" ht="24.95" customHeight="1" x14ac:dyDescent="0.2">
      <c r="A14" s="256"/>
      <c r="B14" s="162" t="s">
        <v>63</v>
      </c>
      <c r="C14" s="162" t="s">
        <v>64</v>
      </c>
      <c r="D14" s="162" t="s">
        <v>228</v>
      </c>
      <c r="E14" s="162" t="s">
        <v>229</v>
      </c>
      <c r="F14" s="162" t="s">
        <v>230</v>
      </c>
      <c r="G14" s="179" t="s">
        <v>231</v>
      </c>
      <c r="H14" s="332"/>
      <c r="I14" s="339"/>
      <c r="J14" s="169"/>
      <c r="K14" s="151"/>
    </row>
    <row r="15" spans="1:11" s="151" customFormat="1" ht="3.75" customHeight="1" x14ac:dyDescent="0.2">
      <c r="A15" s="178"/>
      <c r="B15" s="165"/>
      <c r="C15" s="165"/>
      <c r="D15" s="165"/>
      <c r="E15" s="165"/>
      <c r="F15" s="165"/>
      <c r="G15" s="178"/>
      <c r="H15" s="165"/>
      <c r="I15" s="165"/>
      <c r="K15" s="3"/>
    </row>
    <row r="16" spans="1:11" ht="20.100000000000001" customHeight="1" x14ac:dyDescent="0.2">
      <c r="A16" s="174" t="s">
        <v>232</v>
      </c>
      <c r="B16" s="201">
        <v>783019079.01999986</v>
      </c>
      <c r="C16" s="201">
        <v>546359.99</v>
      </c>
      <c r="D16" s="201">
        <v>36042027.31000001</v>
      </c>
      <c r="E16" s="201">
        <v>9436488.9699999988</v>
      </c>
      <c r="F16" s="201">
        <v>15732295.169999998</v>
      </c>
      <c r="G16" s="201">
        <v>721261907.58000004</v>
      </c>
      <c r="H16" s="201">
        <v>0</v>
      </c>
      <c r="I16" s="202">
        <v>0</v>
      </c>
      <c r="K16" s="4"/>
    </row>
    <row r="17" spans="1:11" s="4" customFormat="1" ht="7.5" customHeight="1" x14ac:dyDescent="0.2">
      <c r="A17" s="180"/>
      <c r="B17" s="154"/>
      <c r="C17" s="203"/>
      <c r="D17" s="203"/>
      <c r="E17" s="203"/>
      <c r="F17" s="203"/>
      <c r="G17" s="154"/>
      <c r="H17" s="203"/>
      <c r="I17" s="204"/>
      <c r="J17" s="16"/>
      <c r="K17" s="3"/>
    </row>
    <row r="18" spans="1:11" ht="15" customHeight="1" x14ac:dyDescent="0.2">
      <c r="A18" s="157" t="s">
        <v>237</v>
      </c>
      <c r="B18" s="155">
        <v>3194190.08</v>
      </c>
      <c r="C18" s="205">
        <v>0</v>
      </c>
      <c r="D18" s="205">
        <v>9930</v>
      </c>
      <c r="E18" s="205">
        <v>0</v>
      </c>
      <c r="F18" s="205">
        <v>0</v>
      </c>
      <c r="G18" s="155">
        <v>3184260.08</v>
      </c>
      <c r="H18" s="205">
        <v>0</v>
      </c>
      <c r="I18" s="206"/>
    </row>
    <row r="19" spans="1:11" ht="15" customHeight="1" x14ac:dyDescent="0.2">
      <c r="A19" s="157" t="s">
        <v>238</v>
      </c>
      <c r="B19" s="155">
        <v>23827496.850000001</v>
      </c>
      <c r="C19" s="205">
        <v>440605.1</v>
      </c>
      <c r="D19" s="205">
        <v>18822071.25</v>
      </c>
      <c r="E19" s="205">
        <v>0</v>
      </c>
      <c r="F19" s="205">
        <v>1757220.41</v>
      </c>
      <c r="G19" s="155">
        <v>2807600.09</v>
      </c>
      <c r="H19" s="205">
        <v>0</v>
      </c>
      <c r="I19" s="206"/>
    </row>
    <row r="20" spans="1:11" ht="15" customHeight="1" x14ac:dyDescent="0.2">
      <c r="A20" s="157" t="s">
        <v>239</v>
      </c>
      <c r="B20" s="155">
        <v>4576563.84</v>
      </c>
      <c r="C20" s="205">
        <v>0</v>
      </c>
      <c r="D20" s="205">
        <v>558.76</v>
      </c>
      <c r="E20" s="205">
        <v>0</v>
      </c>
      <c r="F20" s="205">
        <v>25175.57</v>
      </c>
      <c r="G20" s="155">
        <v>4550829.51</v>
      </c>
      <c r="H20" s="205">
        <v>0</v>
      </c>
      <c r="I20" s="206"/>
    </row>
    <row r="21" spans="1:11" ht="15" customHeight="1" x14ac:dyDescent="0.2">
      <c r="A21" s="157" t="s">
        <v>240</v>
      </c>
      <c r="B21" s="155">
        <v>90020614.170000002</v>
      </c>
      <c r="C21" s="205">
        <v>6410</v>
      </c>
      <c r="D21" s="205">
        <v>207354.17</v>
      </c>
      <c r="E21" s="205">
        <v>0</v>
      </c>
      <c r="F21" s="205">
        <v>632444.96</v>
      </c>
      <c r="G21" s="155">
        <v>89174405.040000007</v>
      </c>
      <c r="H21" s="205">
        <v>0</v>
      </c>
      <c r="I21" s="206"/>
    </row>
    <row r="22" spans="1:11" ht="15" customHeight="1" x14ac:dyDescent="0.2">
      <c r="A22" s="157" t="s">
        <v>241</v>
      </c>
      <c r="B22" s="155">
        <v>16624244.689999999</v>
      </c>
      <c r="C22" s="205">
        <v>59209.95</v>
      </c>
      <c r="D22" s="205">
        <v>222000</v>
      </c>
      <c r="E22" s="205">
        <v>0</v>
      </c>
      <c r="F22" s="205">
        <v>0</v>
      </c>
      <c r="G22" s="155">
        <v>16343034.74</v>
      </c>
      <c r="H22" s="205">
        <v>0</v>
      </c>
      <c r="I22" s="206"/>
    </row>
    <row r="23" spans="1:11" ht="15" customHeight="1" x14ac:dyDescent="0.2">
      <c r="A23" s="157" t="s">
        <v>242</v>
      </c>
      <c r="B23" s="155">
        <v>1003314.4</v>
      </c>
      <c r="C23" s="205">
        <v>0</v>
      </c>
      <c r="D23" s="205">
        <v>0</v>
      </c>
      <c r="E23" s="205">
        <v>0</v>
      </c>
      <c r="F23" s="205">
        <v>0</v>
      </c>
      <c r="G23" s="155">
        <v>1003314.4</v>
      </c>
      <c r="H23" s="205">
        <v>0</v>
      </c>
      <c r="I23" s="206"/>
    </row>
    <row r="24" spans="1:11" ht="15" customHeight="1" x14ac:dyDescent="0.2">
      <c r="A24" s="157" t="s">
        <v>243</v>
      </c>
      <c r="B24" s="155">
        <v>9550136.2100000009</v>
      </c>
      <c r="C24" s="205">
        <v>0</v>
      </c>
      <c r="D24" s="205">
        <v>0</v>
      </c>
      <c r="E24" s="205">
        <v>0</v>
      </c>
      <c r="F24" s="205">
        <v>0</v>
      </c>
      <c r="G24" s="155">
        <v>9550136.2100000009</v>
      </c>
      <c r="H24" s="205">
        <v>0</v>
      </c>
      <c r="I24" s="206"/>
    </row>
    <row r="25" spans="1:11" ht="15" customHeight="1" x14ac:dyDescent="0.2">
      <c r="A25" s="157" t="s">
        <v>244</v>
      </c>
      <c r="B25" s="155">
        <v>27828463.239999998</v>
      </c>
      <c r="C25" s="205">
        <v>0</v>
      </c>
      <c r="D25" s="205">
        <v>6356746.6500000004</v>
      </c>
      <c r="E25" s="205">
        <v>0</v>
      </c>
      <c r="F25" s="205">
        <v>8728417.3000000007</v>
      </c>
      <c r="G25" s="155">
        <v>12743299.289999997</v>
      </c>
      <c r="H25" s="205">
        <v>0</v>
      </c>
      <c r="I25" s="206"/>
    </row>
    <row r="26" spans="1:11" ht="15" customHeight="1" x14ac:dyDescent="0.2">
      <c r="A26" s="157" t="s">
        <v>245</v>
      </c>
      <c r="B26" s="155">
        <v>250991690.53</v>
      </c>
      <c r="C26" s="205">
        <v>0</v>
      </c>
      <c r="D26" s="205">
        <v>5314328.6900000004</v>
      </c>
      <c r="E26" s="205">
        <v>0</v>
      </c>
      <c r="F26" s="205">
        <v>1510604.76</v>
      </c>
      <c r="G26" s="155">
        <v>244166757.08000001</v>
      </c>
      <c r="H26" s="205">
        <v>0</v>
      </c>
      <c r="I26" s="206"/>
    </row>
    <row r="27" spans="1:11" ht="15" customHeight="1" x14ac:dyDescent="0.2">
      <c r="A27" s="157" t="s">
        <v>246</v>
      </c>
      <c r="B27" s="155">
        <v>58189113.710000001</v>
      </c>
      <c r="C27" s="205">
        <v>0</v>
      </c>
      <c r="D27" s="205">
        <v>8207.67</v>
      </c>
      <c r="E27" s="205">
        <v>9231118.9699999988</v>
      </c>
      <c r="F27" s="205">
        <v>1289953.5900000001</v>
      </c>
      <c r="G27" s="155">
        <v>47659833.480000004</v>
      </c>
      <c r="H27" s="205">
        <v>0</v>
      </c>
      <c r="I27" s="206"/>
    </row>
    <row r="28" spans="1:11" ht="15" customHeight="1" x14ac:dyDescent="0.2">
      <c r="A28" s="157" t="s">
        <v>247</v>
      </c>
      <c r="B28" s="155">
        <v>62073.63</v>
      </c>
      <c r="C28" s="205">
        <v>0</v>
      </c>
      <c r="D28" s="205">
        <v>0</v>
      </c>
      <c r="E28" s="205">
        <v>0</v>
      </c>
      <c r="F28" s="205">
        <v>0</v>
      </c>
      <c r="G28" s="155">
        <v>62073.63</v>
      </c>
      <c r="H28" s="205">
        <v>0</v>
      </c>
      <c r="I28" s="206"/>
    </row>
    <row r="29" spans="1:11" ht="15" customHeight="1" x14ac:dyDescent="0.2">
      <c r="A29" s="157" t="s">
        <v>248</v>
      </c>
      <c r="B29" s="155">
        <v>571572.07999999996</v>
      </c>
      <c r="C29" s="205">
        <v>0</v>
      </c>
      <c r="D29" s="205">
        <v>0</v>
      </c>
      <c r="E29" s="205">
        <v>0</v>
      </c>
      <c r="F29" s="205">
        <v>0</v>
      </c>
      <c r="G29" s="155">
        <v>571572.07999999996</v>
      </c>
      <c r="H29" s="205">
        <v>0</v>
      </c>
      <c r="I29" s="206"/>
    </row>
    <row r="30" spans="1:11" ht="15" customHeight="1" x14ac:dyDescent="0.2">
      <c r="A30" s="157" t="s">
        <v>249</v>
      </c>
      <c r="B30" s="155">
        <v>126152376.90000001</v>
      </c>
      <c r="C30" s="205">
        <v>0</v>
      </c>
      <c r="D30" s="205">
        <v>1085</v>
      </c>
      <c r="E30" s="205">
        <v>0</v>
      </c>
      <c r="F30" s="205">
        <v>1047.9100000000001</v>
      </c>
      <c r="G30" s="155">
        <v>126150243.99000001</v>
      </c>
      <c r="H30" s="205">
        <v>0</v>
      </c>
      <c r="I30" s="206"/>
    </row>
    <row r="31" spans="1:11" ht="15" customHeight="1" x14ac:dyDescent="0.2">
      <c r="A31" s="188" t="s">
        <v>261</v>
      </c>
      <c r="B31" s="155">
        <v>48656204.609999999</v>
      </c>
      <c r="C31" s="205">
        <v>0</v>
      </c>
      <c r="D31" s="205">
        <v>3211253.01</v>
      </c>
      <c r="E31" s="205">
        <v>0</v>
      </c>
      <c r="F31" s="205">
        <v>72518.789999999994</v>
      </c>
      <c r="G31" s="155">
        <v>45372432.810000002</v>
      </c>
      <c r="H31" s="205">
        <v>0</v>
      </c>
      <c r="I31" s="206"/>
    </row>
    <row r="32" spans="1:11" ht="15" customHeight="1" x14ac:dyDescent="0.2">
      <c r="A32" s="157" t="s">
        <v>250</v>
      </c>
      <c r="B32" s="155">
        <v>0</v>
      </c>
      <c r="C32" s="205">
        <v>0</v>
      </c>
      <c r="D32" s="205">
        <v>0</v>
      </c>
      <c r="E32" s="205">
        <v>0</v>
      </c>
      <c r="F32" s="205">
        <v>0</v>
      </c>
      <c r="G32" s="155">
        <v>0</v>
      </c>
      <c r="H32" s="205">
        <v>0</v>
      </c>
      <c r="I32" s="206"/>
    </row>
    <row r="33" spans="1:10" ht="15" customHeight="1" x14ac:dyDescent="0.2">
      <c r="A33" s="171" t="s">
        <v>251</v>
      </c>
      <c r="B33" s="155">
        <v>5082681.8099999996</v>
      </c>
      <c r="C33" s="205">
        <v>0</v>
      </c>
      <c r="D33" s="205">
        <v>0</v>
      </c>
      <c r="E33" s="205">
        <v>205370</v>
      </c>
      <c r="F33" s="205">
        <v>0</v>
      </c>
      <c r="G33" s="155">
        <v>4877311.8099999996</v>
      </c>
      <c r="H33" s="205">
        <v>0</v>
      </c>
      <c r="I33" s="206"/>
    </row>
    <row r="34" spans="1:10" ht="15" customHeight="1" x14ac:dyDescent="0.2">
      <c r="A34" s="157" t="s">
        <v>252</v>
      </c>
      <c r="B34" s="155">
        <v>116688342.27</v>
      </c>
      <c r="C34" s="205">
        <v>40134.94</v>
      </c>
      <c r="D34" s="205">
        <v>1888492.11</v>
      </c>
      <c r="E34" s="205">
        <v>0</v>
      </c>
      <c r="F34" s="205">
        <v>1714911.88</v>
      </c>
      <c r="G34" s="155">
        <v>113044803.34</v>
      </c>
      <c r="H34" s="205">
        <v>0</v>
      </c>
      <c r="I34" s="206"/>
    </row>
    <row r="35" spans="1:10" ht="15" customHeight="1" x14ac:dyDescent="0.2">
      <c r="A35" s="166"/>
      <c r="B35" s="155"/>
      <c r="C35" s="205"/>
      <c r="D35" s="205"/>
      <c r="E35" s="205"/>
      <c r="F35" s="205"/>
      <c r="G35" s="155"/>
      <c r="H35" s="205"/>
      <c r="I35" s="206"/>
    </row>
    <row r="36" spans="1:10" ht="15" customHeight="1" x14ac:dyDescent="0.2">
      <c r="A36" s="166"/>
      <c r="B36" s="155"/>
      <c r="C36" s="205"/>
      <c r="D36" s="205"/>
      <c r="E36" s="205"/>
      <c r="F36" s="205"/>
      <c r="G36" s="155">
        <v>0</v>
      </c>
      <c r="H36" s="205"/>
      <c r="I36" s="206"/>
    </row>
    <row r="37" spans="1:10" ht="15" customHeight="1" x14ac:dyDescent="0.2">
      <c r="A37" s="167"/>
      <c r="B37" s="155"/>
      <c r="C37" s="205"/>
      <c r="D37" s="205"/>
      <c r="E37" s="205"/>
      <c r="F37" s="205"/>
      <c r="G37" s="155">
        <v>0</v>
      </c>
      <c r="H37" s="205"/>
      <c r="I37" s="206"/>
    </row>
    <row r="38" spans="1:10" ht="20.100000000000001" customHeight="1" x14ac:dyDescent="0.2">
      <c r="A38" s="175" t="s">
        <v>233</v>
      </c>
      <c r="B38" s="207">
        <v>1010301937.25</v>
      </c>
      <c r="C38" s="207">
        <v>33386394.819999997</v>
      </c>
      <c r="D38" s="207">
        <v>388014078.08999997</v>
      </c>
      <c r="E38" s="207">
        <v>4283263.3099999996</v>
      </c>
      <c r="F38" s="207">
        <v>217180541.49000001</v>
      </c>
      <c r="G38" s="207">
        <v>367437659.54000002</v>
      </c>
      <c r="H38" s="207">
        <v>0</v>
      </c>
      <c r="I38" s="153">
        <v>0</v>
      </c>
    </row>
    <row r="39" spans="1:10" ht="7.5" customHeight="1" x14ac:dyDescent="0.2">
      <c r="A39" s="164"/>
      <c r="B39" s="208"/>
      <c r="C39" s="209"/>
      <c r="D39" s="209"/>
      <c r="E39" s="209"/>
      <c r="F39" s="209"/>
      <c r="G39" s="155"/>
      <c r="H39" s="209"/>
      <c r="I39" s="210"/>
    </row>
    <row r="40" spans="1:10" x14ac:dyDescent="0.2">
      <c r="A40" s="166" t="s">
        <v>253</v>
      </c>
      <c r="B40" s="216">
        <v>361231222.00999999</v>
      </c>
      <c r="C40" s="216">
        <v>29916899.849999998</v>
      </c>
      <c r="D40" s="205">
        <v>195043326.47999999</v>
      </c>
      <c r="E40" s="205">
        <v>1638186.97</v>
      </c>
      <c r="F40" s="205">
        <v>124872508.95999999</v>
      </c>
      <c r="G40" s="155">
        <v>9760299.75</v>
      </c>
      <c r="H40" s="205">
        <v>0</v>
      </c>
      <c r="I40" s="206"/>
    </row>
    <row r="41" spans="1:10" x14ac:dyDescent="0.2">
      <c r="A41" s="166" t="s">
        <v>254</v>
      </c>
      <c r="B41" s="216">
        <v>649070715.24000001</v>
      </c>
      <c r="C41" s="216">
        <v>3469494.9699999997</v>
      </c>
      <c r="D41" s="205">
        <v>192970751.60999998</v>
      </c>
      <c r="E41" s="205">
        <v>2645076.34</v>
      </c>
      <c r="F41" s="205">
        <v>92308032.530000001</v>
      </c>
      <c r="G41" s="155">
        <v>357677359.79000002</v>
      </c>
      <c r="H41" s="205">
        <v>0</v>
      </c>
      <c r="I41" s="206"/>
    </row>
    <row r="42" spans="1:10" x14ac:dyDescent="0.2">
      <c r="A42" s="167"/>
      <c r="B42" s="216"/>
      <c r="C42" s="211"/>
      <c r="D42" s="203"/>
      <c r="E42" s="203"/>
      <c r="F42" s="203"/>
      <c r="G42" s="155"/>
      <c r="H42" s="205"/>
      <c r="I42" s="206"/>
    </row>
    <row r="43" spans="1:10" ht="20.100000000000001" customHeight="1" x14ac:dyDescent="0.2">
      <c r="A43" s="174" t="s">
        <v>234</v>
      </c>
      <c r="B43" s="201">
        <v>1793321016.27</v>
      </c>
      <c r="C43" s="201">
        <v>33932754.809999995</v>
      </c>
      <c r="D43" s="201">
        <v>424056105.39999998</v>
      </c>
      <c r="E43" s="201">
        <v>13719752.279999997</v>
      </c>
      <c r="F43" s="201">
        <v>232912836.66</v>
      </c>
      <c r="G43" s="201">
        <v>1088699567.1200001</v>
      </c>
      <c r="H43" s="201">
        <v>0</v>
      </c>
      <c r="I43" s="202">
        <v>0</v>
      </c>
    </row>
    <row r="44" spans="1:10" ht="6.75" customHeight="1" x14ac:dyDescent="0.2">
      <c r="A44" s="172"/>
      <c r="B44" s="155"/>
      <c r="C44" s="155"/>
      <c r="D44" s="155"/>
      <c r="E44" s="155"/>
      <c r="F44" s="155"/>
      <c r="G44" s="155"/>
      <c r="H44" s="212"/>
      <c r="I44" s="212"/>
    </row>
    <row r="45" spans="1:10" ht="24.95" customHeight="1" x14ac:dyDescent="0.2">
      <c r="A45" s="158" t="s">
        <v>236</v>
      </c>
      <c r="B45" s="201">
        <v>0</v>
      </c>
      <c r="C45" s="201">
        <v>0</v>
      </c>
      <c r="D45" s="201">
        <v>0</v>
      </c>
      <c r="E45" s="201">
        <v>0</v>
      </c>
      <c r="F45" s="201">
        <v>0</v>
      </c>
      <c r="G45" s="201">
        <v>0</v>
      </c>
      <c r="H45" s="201">
        <v>0</v>
      </c>
      <c r="I45" s="202">
        <v>0</v>
      </c>
    </row>
    <row r="46" spans="1:10" s="4" customFormat="1" ht="15" customHeight="1" x14ac:dyDescent="0.2">
      <c r="A46" s="168" t="s">
        <v>212</v>
      </c>
      <c r="B46" s="213"/>
      <c r="C46" s="213"/>
      <c r="D46" s="213"/>
      <c r="E46" s="213"/>
      <c r="F46" s="213"/>
      <c r="G46" s="214">
        <v>0</v>
      </c>
      <c r="H46" s="213"/>
      <c r="I46" s="215"/>
      <c r="J46" s="16"/>
    </row>
    <row r="47" spans="1:10" x14ac:dyDescent="0.2">
      <c r="A47" s="150" t="s">
        <v>260</v>
      </c>
      <c r="B47" s="150"/>
      <c r="C47" s="150"/>
      <c r="D47" s="172"/>
      <c r="E47" s="172"/>
      <c r="F47" s="172"/>
      <c r="G47" s="173"/>
    </row>
    <row r="48" spans="1:10" x14ac:dyDescent="0.2">
      <c r="A48" s="329" t="s">
        <v>157</v>
      </c>
      <c r="B48" s="329"/>
      <c r="C48" s="329"/>
      <c r="D48" s="173"/>
      <c r="E48" s="173"/>
      <c r="F48" s="173"/>
      <c r="G48" s="173"/>
    </row>
    <row r="49" spans="1:10" x14ac:dyDescent="0.2">
      <c r="A49" s="2" t="s">
        <v>235</v>
      </c>
      <c r="B49" s="176"/>
      <c r="C49" s="2"/>
      <c r="D49" s="2"/>
      <c r="E49" s="141"/>
      <c r="F49" s="2"/>
      <c r="G49" s="2"/>
    </row>
    <row r="50" spans="1:10" x14ac:dyDescent="0.2">
      <c r="B50" s="176"/>
      <c r="C50" s="2"/>
      <c r="D50" s="2"/>
      <c r="E50" s="141"/>
      <c r="F50" s="141"/>
      <c r="G50" s="2"/>
    </row>
    <row r="51" spans="1:10" s="58" customFormat="1" ht="12.75" x14ac:dyDescent="0.2">
      <c r="A51" s="65"/>
      <c r="C51" s="139"/>
      <c r="E51" s="218"/>
      <c r="I51" s="65"/>
      <c r="J51" s="65"/>
    </row>
    <row r="52" spans="1:10" s="58" customFormat="1" x14ac:dyDescent="0.2">
      <c r="A52" s="65"/>
      <c r="C52" s="139"/>
      <c r="F52" s="139"/>
      <c r="I52" s="65"/>
      <c r="J52" s="2"/>
    </row>
    <row r="53" spans="1:10" s="58" customFormat="1" x14ac:dyDescent="0.2">
      <c r="A53" s="65"/>
      <c r="I53" s="65"/>
      <c r="J53" s="2"/>
    </row>
    <row r="54" spans="1:10" s="58" customFormat="1" x14ac:dyDescent="0.2">
      <c r="A54" s="65"/>
      <c r="I54" s="65"/>
      <c r="J54" s="2"/>
    </row>
    <row r="55" spans="1:10" s="58" customFormat="1" x14ac:dyDescent="0.2">
      <c r="A55" s="65"/>
      <c r="I55" s="65"/>
      <c r="J55" s="65"/>
    </row>
    <row r="56" spans="1:10" s="58" customFormat="1" x14ac:dyDescent="0.2">
      <c r="A56" s="65"/>
      <c r="I56" s="65"/>
      <c r="J56" s="65"/>
    </row>
    <row r="57" spans="1:10" s="58" customFormat="1" x14ac:dyDescent="0.2">
      <c r="A57" s="65"/>
      <c r="I57" s="65"/>
      <c r="J57" s="65"/>
    </row>
    <row r="58" spans="1:10" s="58" customFormat="1" x14ac:dyDescent="0.2">
      <c r="A58" s="65"/>
      <c r="I58" s="65"/>
      <c r="J58" s="65"/>
    </row>
    <row r="59" spans="1:10" s="58" customFormat="1" x14ac:dyDescent="0.2">
      <c r="A59" s="65"/>
      <c r="I59" s="65"/>
      <c r="J59" s="65"/>
    </row>
    <row r="60" spans="1:10" x14ac:dyDescent="0.2">
      <c r="H60" s="4"/>
    </row>
    <row r="61" spans="1:10" x14ac:dyDescent="0.2">
      <c r="H61" s="4"/>
    </row>
    <row r="62" spans="1:10" x14ac:dyDescent="0.2">
      <c r="H62" s="4"/>
    </row>
    <row r="63" spans="1:10" x14ac:dyDescent="0.2">
      <c r="H63" s="4"/>
    </row>
    <row r="64" spans="1:10" s="4" customFormat="1" x14ac:dyDescent="0.2">
      <c r="A64" s="16"/>
      <c r="I64" s="16"/>
      <c r="J64" s="16"/>
    </row>
    <row r="65" spans="8:8" x14ac:dyDescent="0.2">
      <c r="H65" s="4"/>
    </row>
    <row r="66" spans="8:8" x14ac:dyDescent="0.2">
      <c r="H66" s="4"/>
    </row>
  </sheetData>
  <customSheetViews>
    <customSheetView guid="{6D063188-16B5-4071-AE21-C7F6DB37AFBB}" showPageBreaks="1" showGridLines="0" fitToPage="1" printArea="1" topLeftCell="B1">
      <selection activeCell="B1" sqref="B1"/>
      <pageMargins left="0.19685039370078741" right="0.19685039370078741" top="0.39370078740157483" bottom="0.19685039370078741" header="0" footer="0"/>
      <printOptions horizontalCentered="1"/>
      <pageSetup paperSize="9" scale="50" orientation="portrait" r:id="rId1"/>
    </customSheetView>
    <customSheetView guid="{6C121633-ED4E-47D4-9C39-9D582FC532C7}" scale="90" showPageBreaks="1" showGridLines="0" fitToPage="1" printArea="1" topLeftCell="A9">
      <pane xSplit="1" ySplit="9" topLeftCell="B33" activePane="bottomRight" state="frozen"/>
      <selection pane="bottomRight" activeCell="B46" sqref="B46"/>
      <pageMargins left="0.19685039370078741" right="0.19685039370078741" top="0.39370078740157483" bottom="0.39370078740157483" header="0" footer="0"/>
      <printOptions horizontalCentered="1"/>
      <pageSetup paperSize="9" scale="51" orientation="portrait" r:id="rId2"/>
    </customSheetView>
    <customSheetView guid="{A3DDC128-A56B-4F45-A551-BA04BB179A3D}" showPageBreaks="1" showGridLines="0" fitToPage="1" printArea="1" topLeftCell="A9">
      <selection activeCell="F16" sqref="F16"/>
      <pageMargins left="0.19685039370078741" right="0.19685039370078741" top="0.39370078740157483" bottom="0.39370078740157483" header="0" footer="0"/>
      <printOptions horizontalCentered="1"/>
      <pageSetup paperSize="9" scale="48" orientation="portrait" r:id="rId3"/>
    </customSheetView>
    <customSheetView guid="{D8FEB5D0-D989-4C2B-BD50-DB181944A81F}" scale="90" showGridLines="0" fitToPage="1">
      <selection activeCell="J21" sqref="J21"/>
      <pageMargins left="0.19685039370078741" right="0.19685039370078741" top="0.39370078740157483" bottom="0.39370078740157483" header="0" footer="0"/>
      <printOptions horizontalCentered="1"/>
      <pageSetup paperSize="9" scale="53" orientation="portrait" r:id="rId4"/>
    </customSheetView>
  </customSheetViews>
  <mergeCells count="18">
    <mergeCell ref="I11:I12"/>
    <mergeCell ref="I13:I14"/>
    <mergeCell ref="A2:G2"/>
    <mergeCell ref="A3:I3"/>
    <mergeCell ref="A4:I4"/>
    <mergeCell ref="A5:I5"/>
    <mergeCell ref="A6:I6"/>
    <mergeCell ref="A7:I7"/>
    <mergeCell ref="A48:C48"/>
    <mergeCell ref="H11:H14"/>
    <mergeCell ref="A10:C10"/>
    <mergeCell ref="A11:A14"/>
    <mergeCell ref="B11:B13"/>
    <mergeCell ref="G11:G13"/>
    <mergeCell ref="C11:F11"/>
    <mergeCell ref="C12:D12"/>
    <mergeCell ref="E12:E13"/>
    <mergeCell ref="F12:F13"/>
  </mergeCells>
  <printOptions horizontalCentered="1"/>
  <pageMargins left="0.19685039370078741" right="0.19685039370078741" top="0.39370078740157483" bottom="0.19685039370078741" header="0" footer="0"/>
  <pageSetup paperSize="9" scale="50" orientation="portrait" r:id="rId5"/>
  <drawing r:id="rId6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K66"/>
  <sheetViews>
    <sheetView showGridLines="0" zoomScaleNormal="100" workbookViewId="0"/>
  </sheetViews>
  <sheetFormatPr defaultRowHeight="10.5" x14ac:dyDescent="0.2"/>
  <cols>
    <col min="1" max="1" width="48.85546875" style="150" customWidth="1"/>
    <col min="2" max="2" width="19" style="3" bestFit="1" customWidth="1"/>
    <col min="3" max="3" width="16" style="3" bestFit="1" customWidth="1"/>
    <col min="4" max="4" width="18.7109375" style="3" customWidth="1"/>
    <col min="5" max="5" width="15.7109375" style="3" customWidth="1"/>
    <col min="6" max="6" width="17.7109375" style="3" customWidth="1"/>
    <col min="7" max="7" width="26.7109375" style="3" customWidth="1"/>
    <col min="8" max="8" width="17.7109375" style="3" customWidth="1"/>
    <col min="9" max="9" width="20.7109375" style="150" customWidth="1"/>
    <col min="10" max="10" width="9.140625" style="150"/>
    <col min="11" max="16384" width="9.140625" style="3"/>
  </cols>
  <sheetData>
    <row r="1" spans="1:11" x14ac:dyDescent="0.2">
      <c r="A1" s="3"/>
      <c r="B1" s="177"/>
      <c r="C1" s="177"/>
      <c r="D1" s="177"/>
      <c r="E1" s="177"/>
      <c r="F1" s="177"/>
      <c r="G1" s="177"/>
    </row>
    <row r="2" spans="1:11" x14ac:dyDescent="0.2">
      <c r="A2" s="329"/>
      <c r="B2" s="329"/>
      <c r="C2" s="329"/>
      <c r="D2" s="329"/>
      <c r="E2" s="329"/>
      <c r="F2" s="329"/>
      <c r="G2" s="329"/>
    </row>
    <row r="3" spans="1:11" x14ac:dyDescent="0.2">
      <c r="A3" s="240" t="s">
        <v>199</v>
      </c>
      <c r="B3" s="240"/>
      <c r="C3" s="240"/>
      <c r="D3" s="240"/>
      <c r="E3" s="240"/>
      <c r="F3" s="240"/>
      <c r="G3" s="240"/>
      <c r="H3" s="240"/>
      <c r="I3" s="240"/>
    </row>
    <row r="4" spans="1:11" x14ac:dyDescent="0.2">
      <c r="A4" s="240" t="s">
        <v>0</v>
      </c>
      <c r="B4" s="240"/>
      <c r="C4" s="240"/>
      <c r="D4" s="240"/>
      <c r="E4" s="240"/>
      <c r="F4" s="240"/>
      <c r="G4" s="240"/>
      <c r="H4" s="240"/>
      <c r="I4" s="240"/>
    </row>
    <row r="5" spans="1:11" x14ac:dyDescent="0.2">
      <c r="A5" s="340" t="s">
        <v>258</v>
      </c>
      <c r="B5" s="340"/>
      <c r="C5" s="340"/>
      <c r="D5" s="340"/>
      <c r="E5" s="340"/>
      <c r="F5" s="340"/>
      <c r="G5" s="340"/>
      <c r="H5" s="340"/>
      <c r="I5" s="340"/>
    </row>
    <row r="6" spans="1:11" x14ac:dyDescent="0.2">
      <c r="A6" s="240" t="s">
        <v>4</v>
      </c>
      <c r="B6" s="240"/>
      <c r="C6" s="240"/>
      <c r="D6" s="240"/>
      <c r="E6" s="240"/>
      <c r="F6" s="240"/>
      <c r="G6" s="240"/>
      <c r="H6" s="240"/>
      <c r="I6" s="240"/>
    </row>
    <row r="7" spans="1:11" x14ac:dyDescent="0.2">
      <c r="A7" s="240" t="s">
        <v>217</v>
      </c>
      <c r="B7" s="240"/>
      <c r="C7" s="240"/>
      <c r="D7" s="240"/>
      <c r="E7" s="240"/>
      <c r="F7" s="240"/>
      <c r="G7" s="240"/>
      <c r="H7" s="240"/>
      <c r="I7" s="240"/>
    </row>
    <row r="8" spans="1:11" x14ac:dyDescent="0.2">
      <c r="A8" s="3"/>
    </row>
    <row r="9" spans="1:11" x14ac:dyDescent="0.2">
      <c r="A9" s="3"/>
    </row>
    <row r="10" spans="1:11" x14ac:dyDescent="0.2">
      <c r="A10" s="333" t="s">
        <v>218</v>
      </c>
      <c r="B10" s="333"/>
      <c r="C10" s="334"/>
      <c r="D10" s="172"/>
      <c r="E10" s="172"/>
      <c r="F10" s="172"/>
      <c r="I10" s="6">
        <v>1</v>
      </c>
    </row>
    <row r="11" spans="1:11" ht="24.95" customHeight="1" x14ac:dyDescent="0.2">
      <c r="A11" s="253" t="s">
        <v>219</v>
      </c>
      <c r="B11" s="330" t="s">
        <v>220</v>
      </c>
      <c r="C11" s="335" t="s">
        <v>221</v>
      </c>
      <c r="D11" s="335"/>
      <c r="E11" s="335"/>
      <c r="F11" s="335"/>
      <c r="G11" s="330" t="s">
        <v>123</v>
      </c>
      <c r="H11" s="330" t="s">
        <v>222</v>
      </c>
      <c r="I11" s="336" t="s">
        <v>255</v>
      </c>
    </row>
    <row r="12" spans="1:11" ht="30" customHeight="1" x14ac:dyDescent="0.2">
      <c r="A12" s="269"/>
      <c r="B12" s="331"/>
      <c r="C12" s="335" t="s">
        <v>223</v>
      </c>
      <c r="D12" s="335"/>
      <c r="E12" s="330" t="s">
        <v>224</v>
      </c>
      <c r="F12" s="330" t="s">
        <v>225</v>
      </c>
      <c r="G12" s="331"/>
      <c r="H12" s="331"/>
      <c r="I12" s="337"/>
    </row>
    <row r="13" spans="1:11" ht="30" customHeight="1" x14ac:dyDescent="0.2">
      <c r="A13" s="269"/>
      <c r="B13" s="331"/>
      <c r="C13" s="161" t="s">
        <v>226</v>
      </c>
      <c r="D13" s="161" t="s">
        <v>227</v>
      </c>
      <c r="E13" s="331"/>
      <c r="F13" s="331"/>
      <c r="G13" s="331"/>
      <c r="H13" s="331"/>
      <c r="I13" s="338" t="s">
        <v>256</v>
      </c>
      <c r="K13" s="170"/>
    </row>
    <row r="14" spans="1:11" s="170" customFormat="1" ht="24.95" customHeight="1" x14ac:dyDescent="0.2">
      <c r="A14" s="256"/>
      <c r="B14" s="163" t="s">
        <v>63</v>
      </c>
      <c r="C14" s="163" t="s">
        <v>64</v>
      </c>
      <c r="D14" s="163" t="s">
        <v>228</v>
      </c>
      <c r="E14" s="163" t="s">
        <v>229</v>
      </c>
      <c r="F14" s="163" t="s">
        <v>230</v>
      </c>
      <c r="G14" s="179" t="s">
        <v>231</v>
      </c>
      <c r="H14" s="332"/>
      <c r="I14" s="339"/>
      <c r="J14" s="169"/>
      <c r="K14" s="151"/>
    </row>
    <row r="15" spans="1:11" s="151" customFormat="1" ht="3.75" customHeight="1" x14ac:dyDescent="0.2">
      <c r="A15" s="178"/>
      <c r="B15" s="165"/>
      <c r="C15" s="165"/>
      <c r="D15" s="165"/>
      <c r="E15" s="165"/>
      <c r="F15" s="165"/>
      <c r="G15" s="178"/>
      <c r="H15" s="165"/>
      <c r="I15" s="165"/>
      <c r="K15" s="3"/>
    </row>
    <row r="16" spans="1:11" ht="20.100000000000001" customHeight="1" x14ac:dyDescent="0.2">
      <c r="A16" s="174" t="s">
        <v>232</v>
      </c>
      <c r="B16" s="201">
        <v>784268721.53999996</v>
      </c>
      <c r="C16" s="201">
        <v>546359.99</v>
      </c>
      <c r="D16" s="201">
        <v>36042027.31000001</v>
      </c>
      <c r="E16" s="201">
        <v>9436488.9699999988</v>
      </c>
      <c r="F16" s="201">
        <v>15732295.169999998</v>
      </c>
      <c r="G16" s="201">
        <v>722511550.0999999</v>
      </c>
      <c r="H16" s="201">
        <v>0</v>
      </c>
      <c r="I16" s="202">
        <v>0</v>
      </c>
      <c r="K16" s="4"/>
    </row>
    <row r="17" spans="1:11" s="4" customFormat="1" ht="7.5" customHeight="1" x14ac:dyDescent="0.2">
      <c r="A17" s="180"/>
      <c r="B17" s="154"/>
      <c r="C17" s="203"/>
      <c r="D17" s="203"/>
      <c r="E17" s="203"/>
      <c r="F17" s="203"/>
      <c r="G17" s="154"/>
      <c r="H17" s="203"/>
      <c r="I17" s="204"/>
      <c r="J17" s="16"/>
      <c r="K17" s="3"/>
    </row>
    <row r="18" spans="1:11" ht="15" customHeight="1" x14ac:dyDescent="0.2">
      <c r="A18" s="160" t="s">
        <v>237</v>
      </c>
      <c r="B18" s="155">
        <v>3194190.08</v>
      </c>
      <c r="C18" s="205">
        <v>0</v>
      </c>
      <c r="D18" s="205">
        <v>9930</v>
      </c>
      <c r="E18" s="205">
        <v>0</v>
      </c>
      <c r="F18" s="205">
        <v>0</v>
      </c>
      <c r="G18" s="155">
        <v>3184260.08</v>
      </c>
      <c r="H18" s="205">
        <v>0</v>
      </c>
      <c r="I18" s="206"/>
    </row>
    <row r="19" spans="1:11" ht="15" customHeight="1" x14ac:dyDescent="0.2">
      <c r="A19" s="160" t="s">
        <v>238</v>
      </c>
      <c r="B19" s="155">
        <v>23827496.850000001</v>
      </c>
      <c r="C19" s="205">
        <v>440605.1</v>
      </c>
      <c r="D19" s="205">
        <v>18822071.25</v>
      </c>
      <c r="E19" s="205">
        <v>0</v>
      </c>
      <c r="F19" s="205">
        <v>1757220.41</v>
      </c>
      <c r="G19" s="155">
        <v>2807600.09</v>
      </c>
      <c r="H19" s="205">
        <v>0</v>
      </c>
      <c r="I19" s="206"/>
    </row>
    <row r="20" spans="1:11" ht="15" customHeight="1" x14ac:dyDescent="0.2">
      <c r="A20" s="160" t="s">
        <v>239</v>
      </c>
      <c r="B20" s="155">
        <v>4576563.84</v>
      </c>
      <c r="C20" s="205">
        <v>0</v>
      </c>
      <c r="D20" s="205">
        <v>558.76</v>
      </c>
      <c r="E20" s="205">
        <v>0</v>
      </c>
      <c r="F20" s="205">
        <v>25175.57</v>
      </c>
      <c r="G20" s="155">
        <v>4550829.51</v>
      </c>
      <c r="H20" s="205">
        <v>0</v>
      </c>
      <c r="I20" s="206"/>
    </row>
    <row r="21" spans="1:11" ht="15" customHeight="1" x14ac:dyDescent="0.2">
      <c r="A21" s="160" t="s">
        <v>240</v>
      </c>
      <c r="B21" s="155">
        <v>90020614.170000002</v>
      </c>
      <c r="C21" s="205">
        <v>6410</v>
      </c>
      <c r="D21" s="205">
        <v>207354.17</v>
      </c>
      <c r="E21" s="205">
        <v>0</v>
      </c>
      <c r="F21" s="205">
        <v>632444.96</v>
      </c>
      <c r="G21" s="155">
        <v>89174405.040000007</v>
      </c>
      <c r="H21" s="205">
        <v>0</v>
      </c>
      <c r="I21" s="206"/>
    </row>
    <row r="22" spans="1:11" ht="15" customHeight="1" x14ac:dyDescent="0.2">
      <c r="A22" s="160" t="s">
        <v>241</v>
      </c>
      <c r="B22" s="155">
        <v>16624244.689999999</v>
      </c>
      <c r="C22" s="205">
        <v>59209.95</v>
      </c>
      <c r="D22" s="205">
        <v>222000</v>
      </c>
      <c r="E22" s="205">
        <v>0</v>
      </c>
      <c r="F22" s="205">
        <v>0</v>
      </c>
      <c r="G22" s="155">
        <v>16343034.74</v>
      </c>
      <c r="H22" s="205">
        <v>0</v>
      </c>
      <c r="I22" s="206"/>
    </row>
    <row r="23" spans="1:11" ht="15" customHeight="1" x14ac:dyDescent="0.2">
      <c r="A23" s="160" t="s">
        <v>242</v>
      </c>
      <c r="B23" s="155">
        <v>1003314.4</v>
      </c>
      <c r="C23" s="205">
        <v>0</v>
      </c>
      <c r="D23" s="205">
        <v>0</v>
      </c>
      <c r="E23" s="205">
        <v>0</v>
      </c>
      <c r="F23" s="205">
        <v>0</v>
      </c>
      <c r="G23" s="155">
        <v>1003314.4</v>
      </c>
      <c r="H23" s="205">
        <v>0</v>
      </c>
      <c r="I23" s="206"/>
    </row>
    <row r="24" spans="1:11" ht="15" customHeight="1" x14ac:dyDescent="0.2">
      <c r="A24" s="160" t="s">
        <v>243</v>
      </c>
      <c r="B24" s="155">
        <v>9550136.2100000009</v>
      </c>
      <c r="C24" s="205">
        <v>0</v>
      </c>
      <c r="D24" s="205">
        <v>0</v>
      </c>
      <c r="E24" s="205">
        <v>0</v>
      </c>
      <c r="F24" s="205">
        <v>0</v>
      </c>
      <c r="G24" s="155">
        <v>9550136.2100000009</v>
      </c>
      <c r="H24" s="205">
        <v>0</v>
      </c>
      <c r="I24" s="206"/>
    </row>
    <row r="25" spans="1:11" ht="15" customHeight="1" x14ac:dyDescent="0.2">
      <c r="A25" s="160" t="s">
        <v>244</v>
      </c>
      <c r="B25" s="155">
        <v>27828463.239999998</v>
      </c>
      <c r="C25" s="205">
        <v>0</v>
      </c>
      <c r="D25" s="205">
        <v>6356746.6500000004</v>
      </c>
      <c r="E25" s="205">
        <v>0</v>
      </c>
      <c r="F25" s="205">
        <v>8728417.3000000007</v>
      </c>
      <c r="G25" s="155">
        <v>12743299.289999997</v>
      </c>
      <c r="H25" s="205">
        <v>0</v>
      </c>
      <c r="I25" s="206"/>
    </row>
    <row r="26" spans="1:11" ht="15" customHeight="1" x14ac:dyDescent="0.2">
      <c r="A26" s="160" t="s">
        <v>245</v>
      </c>
      <c r="B26" s="155">
        <v>250991690.53</v>
      </c>
      <c r="C26" s="205">
        <v>0</v>
      </c>
      <c r="D26" s="205">
        <v>5314328.6900000004</v>
      </c>
      <c r="E26" s="205">
        <v>0</v>
      </c>
      <c r="F26" s="205">
        <v>1510604.76</v>
      </c>
      <c r="G26" s="155">
        <v>244166757.08000001</v>
      </c>
      <c r="H26" s="205">
        <v>0</v>
      </c>
      <c r="I26" s="206"/>
    </row>
    <row r="27" spans="1:11" ht="15" customHeight="1" x14ac:dyDescent="0.2">
      <c r="A27" s="160" t="s">
        <v>246</v>
      </c>
      <c r="B27" s="155">
        <v>58244539.909999996</v>
      </c>
      <c r="C27" s="205">
        <v>0</v>
      </c>
      <c r="D27" s="205">
        <v>8207.67</v>
      </c>
      <c r="E27" s="205">
        <v>9231118.9699999988</v>
      </c>
      <c r="F27" s="205">
        <v>1289953.5900000001</v>
      </c>
      <c r="G27" s="155">
        <v>47715259.68</v>
      </c>
      <c r="H27" s="205">
        <v>0</v>
      </c>
      <c r="I27" s="206"/>
    </row>
    <row r="28" spans="1:11" ht="15" customHeight="1" x14ac:dyDescent="0.2">
      <c r="A28" s="160" t="s">
        <v>247</v>
      </c>
      <c r="B28" s="155">
        <v>1079407.48</v>
      </c>
      <c r="C28" s="205">
        <v>0</v>
      </c>
      <c r="D28" s="205">
        <v>0</v>
      </c>
      <c r="E28" s="205">
        <v>0</v>
      </c>
      <c r="F28" s="205">
        <v>0</v>
      </c>
      <c r="G28" s="155">
        <v>1079407.48</v>
      </c>
      <c r="H28" s="205">
        <v>0</v>
      </c>
      <c r="I28" s="206"/>
    </row>
    <row r="29" spans="1:11" ht="15" customHeight="1" x14ac:dyDescent="0.2">
      <c r="A29" s="160" t="s">
        <v>248</v>
      </c>
      <c r="B29" s="155">
        <v>571572.07999999996</v>
      </c>
      <c r="C29" s="205">
        <v>0</v>
      </c>
      <c r="D29" s="205">
        <v>0</v>
      </c>
      <c r="E29" s="205">
        <v>0</v>
      </c>
      <c r="F29" s="205">
        <v>0</v>
      </c>
      <c r="G29" s="155">
        <v>571572.07999999996</v>
      </c>
      <c r="H29" s="205">
        <v>0</v>
      </c>
      <c r="I29" s="206"/>
    </row>
    <row r="30" spans="1:11" ht="15" customHeight="1" x14ac:dyDescent="0.2">
      <c r="A30" s="160" t="s">
        <v>249</v>
      </c>
      <c r="B30" s="155">
        <v>126152376.90000001</v>
      </c>
      <c r="C30" s="205">
        <v>0</v>
      </c>
      <c r="D30" s="205">
        <v>1085</v>
      </c>
      <c r="E30" s="205">
        <v>0</v>
      </c>
      <c r="F30" s="205">
        <v>1047.9100000000001</v>
      </c>
      <c r="G30" s="155">
        <v>126150243.99000001</v>
      </c>
      <c r="H30" s="205">
        <v>0</v>
      </c>
      <c r="I30" s="206"/>
    </row>
    <row r="31" spans="1:11" ht="15" customHeight="1" x14ac:dyDescent="0.2">
      <c r="A31" s="188" t="s">
        <v>261</v>
      </c>
      <c r="B31" s="155">
        <v>48656204.609999999</v>
      </c>
      <c r="C31" s="205">
        <v>0</v>
      </c>
      <c r="D31" s="205">
        <v>3211253.01</v>
      </c>
      <c r="E31" s="205">
        <v>0</v>
      </c>
      <c r="F31" s="205">
        <v>72518.789999999994</v>
      </c>
      <c r="G31" s="155">
        <v>45372432.810000002</v>
      </c>
      <c r="H31" s="205">
        <v>0</v>
      </c>
      <c r="I31" s="206"/>
    </row>
    <row r="32" spans="1:11" ht="15" customHeight="1" x14ac:dyDescent="0.2">
      <c r="A32" s="160" t="s">
        <v>250</v>
      </c>
      <c r="B32" s="155">
        <v>0</v>
      </c>
      <c r="C32" s="205">
        <v>0</v>
      </c>
      <c r="D32" s="205">
        <v>0</v>
      </c>
      <c r="E32" s="205">
        <v>0</v>
      </c>
      <c r="F32" s="205">
        <v>0</v>
      </c>
      <c r="G32" s="155">
        <v>0</v>
      </c>
      <c r="H32" s="205">
        <v>0</v>
      </c>
      <c r="I32" s="206"/>
    </row>
    <row r="33" spans="1:10" ht="15" customHeight="1" x14ac:dyDescent="0.2">
      <c r="A33" s="171" t="s">
        <v>251</v>
      </c>
      <c r="B33" s="155">
        <v>5082681.8099999996</v>
      </c>
      <c r="C33" s="205">
        <v>0</v>
      </c>
      <c r="D33" s="205">
        <v>0</v>
      </c>
      <c r="E33" s="205">
        <v>205370</v>
      </c>
      <c r="F33" s="205">
        <v>0</v>
      </c>
      <c r="G33" s="155">
        <v>4877311.8099999996</v>
      </c>
      <c r="H33" s="205">
        <v>0</v>
      </c>
      <c r="I33" s="206"/>
    </row>
    <row r="34" spans="1:10" ht="15" customHeight="1" x14ac:dyDescent="0.2">
      <c r="A34" s="160" t="s">
        <v>252</v>
      </c>
      <c r="B34" s="155">
        <v>116865224.73999999</v>
      </c>
      <c r="C34" s="205">
        <v>40134.94</v>
      </c>
      <c r="D34" s="205">
        <v>1888492.11</v>
      </c>
      <c r="E34" s="205">
        <v>0</v>
      </c>
      <c r="F34" s="205">
        <v>1714911.88</v>
      </c>
      <c r="G34" s="155">
        <v>113221685.81</v>
      </c>
      <c r="H34" s="205">
        <v>0</v>
      </c>
      <c r="I34" s="206"/>
    </row>
    <row r="35" spans="1:10" ht="15" customHeight="1" x14ac:dyDescent="0.2">
      <c r="A35" s="166"/>
      <c r="B35" s="155"/>
      <c r="C35" s="205"/>
      <c r="D35" s="205"/>
      <c r="E35" s="205"/>
      <c r="F35" s="205"/>
      <c r="G35" s="155"/>
      <c r="H35" s="205"/>
      <c r="I35" s="206"/>
    </row>
    <row r="36" spans="1:10" ht="15" customHeight="1" x14ac:dyDescent="0.2">
      <c r="A36" s="166"/>
      <c r="B36" s="155"/>
      <c r="C36" s="205"/>
      <c r="D36" s="205"/>
      <c r="E36" s="205"/>
      <c r="F36" s="205"/>
      <c r="G36" s="155"/>
      <c r="H36" s="205"/>
      <c r="I36" s="206"/>
    </row>
    <row r="37" spans="1:10" ht="15" customHeight="1" x14ac:dyDescent="0.2">
      <c r="A37" s="167"/>
      <c r="B37" s="155"/>
      <c r="C37" s="205"/>
      <c r="D37" s="205"/>
      <c r="E37" s="205"/>
      <c r="F37" s="205"/>
      <c r="G37" s="155"/>
      <c r="H37" s="205"/>
      <c r="I37" s="206"/>
    </row>
    <row r="38" spans="1:10" ht="20.100000000000001" customHeight="1" x14ac:dyDescent="0.2">
      <c r="A38" s="175" t="s">
        <v>233</v>
      </c>
      <c r="B38" s="207">
        <v>1232815815.77</v>
      </c>
      <c r="C38" s="207">
        <v>39204335.329999998</v>
      </c>
      <c r="D38" s="207">
        <v>435216574.09999996</v>
      </c>
      <c r="E38" s="207">
        <v>4317359.47</v>
      </c>
      <c r="F38" s="207">
        <v>236934995.67000002</v>
      </c>
      <c r="G38" s="207">
        <v>517142551.19999987</v>
      </c>
      <c r="H38" s="207">
        <v>33917057.93</v>
      </c>
      <c r="I38" s="153">
        <v>0</v>
      </c>
    </row>
    <row r="39" spans="1:10" ht="7.5" customHeight="1" x14ac:dyDescent="0.2">
      <c r="A39" s="164"/>
      <c r="B39" s="217"/>
      <c r="C39" s="209"/>
      <c r="D39" s="209"/>
      <c r="E39" s="209"/>
      <c r="F39" s="209"/>
      <c r="G39" s="155"/>
      <c r="H39" s="209"/>
      <c r="I39" s="210"/>
    </row>
    <row r="40" spans="1:10" x14ac:dyDescent="0.2">
      <c r="A40" s="166" t="s">
        <v>253</v>
      </c>
      <c r="B40" s="216">
        <v>438309319.95999998</v>
      </c>
      <c r="C40" s="216">
        <v>35734840.359999999</v>
      </c>
      <c r="D40" s="216">
        <v>237687793.67999998</v>
      </c>
      <c r="E40" s="216">
        <v>1638186.97</v>
      </c>
      <c r="F40" s="216">
        <v>140433463.70000002</v>
      </c>
      <c r="G40" s="155">
        <v>22815035.24999994</v>
      </c>
      <c r="H40" s="205">
        <v>15241093.83</v>
      </c>
      <c r="I40" s="206"/>
    </row>
    <row r="41" spans="1:10" x14ac:dyDescent="0.2">
      <c r="A41" s="166" t="s">
        <v>254</v>
      </c>
      <c r="B41" s="216">
        <v>794506495.80999994</v>
      </c>
      <c r="C41" s="216">
        <v>3469494.9699999997</v>
      </c>
      <c r="D41" s="216">
        <v>197528780.41999999</v>
      </c>
      <c r="E41" s="216">
        <v>2679172.5</v>
      </c>
      <c r="F41" s="216">
        <v>96501531.969999999</v>
      </c>
      <c r="G41" s="155">
        <v>494327515.94999993</v>
      </c>
      <c r="H41" s="205">
        <v>18675964.099999998</v>
      </c>
      <c r="I41" s="206"/>
    </row>
    <row r="42" spans="1:10" x14ac:dyDescent="0.2">
      <c r="A42" s="167"/>
      <c r="B42" s="211"/>
      <c r="C42" s="216"/>
      <c r="D42" s="205"/>
      <c r="E42" s="205"/>
      <c r="F42" s="205"/>
      <c r="G42" s="155"/>
      <c r="H42" s="205"/>
      <c r="I42" s="206"/>
    </row>
    <row r="43" spans="1:10" ht="20.100000000000001" customHeight="1" x14ac:dyDescent="0.2">
      <c r="A43" s="174" t="s">
        <v>234</v>
      </c>
      <c r="B43" s="201">
        <v>2017084537.3099999</v>
      </c>
      <c r="C43" s="201">
        <v>39750695.32</v>
      </c>
      <c r="D43" s="201">
        <v>471258601.40999997</v>
      </c>
      <c r="E43" s="201">
        <v>13753848.439999998</v>
      </c>
      <c r="F43" s="201">
        <v>252667290.84</v>
      </c>
      <c r="G43" s="201">
        <v>1239654101.2999997</v>
      </c>
      <c r="H43" s="201">
        <v>33917057.93</v>
      </c>
      <c r="I43" s="202">
        <v>0</v>
      </c>
    </row>
    <row r="44" spans="1:10" ht="6.75" customHeight="1" x14ac:dyDescent="0.2">
      <c r="A44" s="172"/>
      <c r="B44" s="155"/>
      <c r="C44" s="155"/>
      <c r="D44" s="155"/>
      <c r="E44" s="155"/>
      <c r="F44" s="155"/>
      <c r="G44" s="155"/>
      <c r="H44" s="212"/>
      <c r="I44" s="212"/>
    </row>
    <row r="45" spans="1:10" ht="24.95" customHeight="1" x14ac:dyDescent="0.2">
      <c r="A45" s="159" t="s">
        <v>236</v>
      </c>
      <c r="B45" s="201">
        <v>0</v>
      </c>
      <c r="C45" s="201">
        <v>0</v>
      </c>
      <c r="D45" s="201">
        <v>0</v>
      </c>
      <c r="E45" s="201">
        <v>0</v>
      </c>
      <c r="F45" s="201">
        <v>0</v>
      </c>
      <c r="G45" s="201">
        <v>0</v>
      </c>
      <c r="H45" s="201">
        <v>0</v>
      </c>
      <c r="I45" s="202">
        <v>0</v>
      </c>
    </row>
    <row r="46" spans="1:10" s="4" customFormat="1" ht="20.100000000000001" customHeight="1" x14ac:dyDescent="0.2">
      <c r="A46" s="168" t="s">
        <v>212</v>
      </c>
      <c r="B46" s="213"/>
      <c r="C46" s="213"/>
      <c r="D46" s="213"/>
      <c r="E46" s="213"/>
      <c r="F46" s="213"/>
      <c r="G46" s="214">
        <v>0</v>
      </c>
      <c r="H46" s="213"/>
      <c r="I46" s="215"/>
      <c r="J46" s="16"/>
    </row>
    <row r="47" spans="1:10" x14ac:dyDescent="0.2">
      <c r="A47" s="150" t="s">
        <v>260</v>
      </c>
      <c r="B47" s="150"/>
      <c r="C47" s="150"/>
      <c r="D47" s="172"/>
      <c r="E47" s="172"/>
      <c r="F47" s="172"/>
      <c r="G47" s="173"/>
    </row>
    <row r="48" spans="1:10" x14ac:dyDescent="0.2">
      <c r="A48" s="329" t="s">
        <v>157</v>
      </c>
      <c r="B48" s="329"/>
      <c r="C48" s="329"/>
      <c r="D48" s="173"/>
      <c r="E48" s="173"/>
      <c r="F48" s="219"/>
      <c r="G48" s="173"/>
    </row>
    <row r="49" spans="1:10" x14ac:dyDescent="0.2">
      <c r="A49" s="2" t="s">
        <v>235</v>
      </c>
      <c r="B49" s="176"/>
      <c r="C49" s="2"/>
      <c r="D49" s="2"/>
      <c r="E49" s="2"/>
      <c r="F49" s="141"/>
      <c r="G49" s="2"/>
    </row>
    <row r="50" spans="1:10" x14ac:dyDescent="0.2">
      <c r="B50" s="176"/>
      <c r="C50" s="2"/>
      <c r="D50" s="2"/>
      <c r="E50" s="2"/>
      <c r="F50" s="2"/>
      <c r="G50" s="2"/>
    </row>
    <row r="51" spans="1:10" s="58" customFormat="1" x14ac:dyDescent="0.2">
      <c r="A51" s="65"/>
      <c r="I51" s="65"/>
      <c r="J51" s="65"/>
    </row>
    <row r="52" spans="1:10" s="58" customFormat="1" x14ac:dyDescent="0.2">
      <c r="A52" s="65"/>
      <c r="I52" s="65"/>
      <c r="J52" s="2"/>
    </row>
    <row r="53" spans="1:10" s="58" customFormat="1" x14ac:dyDescent="0.2">
      <c r="A53" s="65"/>
      <c r="I53" s="65"/>
      <c r="J53" s="2"/>
    </row>
    <row r="54" spans="1:10" s="58" customFormat="1" x14ac:dyDescent="0.2">
      <c r="A54" s="65"/>
      <c r="I54" s="65"/>
      <c r="J54" s="2"/>
    </row>
    <row r="55" spans="1:10" s="58" customFormat="1" x14ac:dyDescent="0.2">
      <c r="A55" s="65"/>
      <c r="I55" s="65"/>
      <c r="J55" s="65"/>
    </row>
    <row r="56" spans="1:10" s="58" customFormat="1" x14ac:dyDescent="0.2">
      <c r="A56" s="65"/>
      <c r="I56" s="65"/>
      <c r="J56" s="65"/>
    </row>
    <row r="57" spans="1:10" s="58" customFormat="1" x14ac:dyDescent="0.2">
      <c r="A57" s="65"/>
      <c r="I57" s="65"/>
      <c r="J57" s="65"/>
    </row>
    <row r="58" spans="1:10" s="58" customFormat="1" x14ac:dyDescent="0.2">
      <c r="A58" s="65"/>
      <c r="I58" s="65"/>
      <c r="J58" s="65"/>
    </row>
    <row r="59" spans="1:10" s="58" customFormat="1" x14ac:dyDescent="0.2">
      <c r="A59" s="65"/>
      <c r="I59" s="65"/>
      <c r="J59" s="65"/>
    </row>
    <row r="60" spans="1:10" x14ac:dyDescent="0.2">
      <c r="H60" s="4"/>
    </row>
    <row r="61" spans="1:10" x14ac:dyDescent="0.2">
      <c r="H61" s="4"/>
    </row>
    <row r="62" spans="1:10" x14ac:dyDescent="0.2">
      <c r="H62" s="4"/>
    </row>
    <row r="63" spans="1:10" x14ac:dyDescent="0.2">
      <c r="H63" s="4"/>
    </row>
    <row r="64" spans="1:10" s="4" customFormat="1" x14ac:dyDescent="0.2">
      <c r="A64" s="16"/>
      <c r="I64" s="16"/>
      <c r="J64" s="16"/>
    </row>
    <row r="65" spans="8:8" x14ac:dyDescent="0.2">
      <c r="H65" s="4"/>
    </row>
    <row r="66" spans="8:8" x14ac:dyDescent="0.2">
      <c r="H66" s="4"/>
    </row>
  </sheetData>
  <customSheetViews>
    <customSheetView guid="{6D063188-16B5-4071-AE21-C7F6DB37AFBB}" scale="90" showPageBreaks="1" showGridLines="0" fitToPage="1">
      <pageMargins left="0.19685039370078741" right="0.19685039370078741" top="0.39370078740157483" bottom="0.19685039370078741" header="0" footer="0"/>
      <printOptions horizontalCentered="1"/>
      <pageSetup paperSize="9" scale="50" orientation="portrait" r:id="rId1"/>
    </customSheetView>
    <customSheetView guid="{6C121633-ED4E-47D4-9C39-9D582FC532C7}" showGridLines="0" topLeftCell="A21">
      <selection activeCell="F48" sqref="F48:F49"/>
      <pageMargins left="0.511811024" right="0.511811024" top="0.78740157499999996" bottom="0.78740157499999996" header="0.31496062000000002" footer="0.31496062000000002"/>
      <pageSetup paperSize="9" orientation="portrait" r:id="rId2"/>
    </customSheetView>
    <customSheetView guid="{A3DDC128-A56B-4F45-A551-BA04BB179A3D}" showGridLines="0" topLeftCell="A28">
      <selection activeCell="E51" sqref="E51"/>
      <pageMargins left="0.511811024" right="0.511811024" top="0.78740157499999996" bottom="0.78740157499999996" header="0.31496062000000002" footer="0.31496062000000002"/>
    </customSheetView>
    <customSheetView guid="{D8FEB5D0-D989-4C2B-BD50-DB181944A81F}" scale="90" showGridLines="0" fitToPage="1" topLeftCell="A9">
      <selection activeCell="E12" sqref="E12:E13"/>
      <pageMargins left="0.19685039370078741" right="0.19685039370078741" top="0.59055118110236227" bottom="0.19685039370078741" header="0" footer="0.31496062992125984"/>
      <printOptions horizontalCentered="1"/>
      <pageSetup paperSize="9" scale="52" orientation="portrait" r:id="rId3"/>
    </customSheetView>
  </customSheetViews>
  <mergeCells count="18">
    <mergeCell ref="A7:I7"/>
    <mergeCell ref="A2:G2"/>
    <mergeCell ref="A3:I3"/>
    <mergeCell ref="A4:I4"/>
    <mergeCell ref="A5:I5"/>
    <mergeCell ref="A6:I6"/>
    <mergeCell ref="A48:C48"/>
    <mergeCell ref="A10:C10"/>
    <mergeCell ref="A11:A14"/>
    <mergeCell ref="B11:B13"/>
    <mergeCell ref="C11:F11"/>
    <mergeCell ref="I11:I12"/>
    <mergeCell ref="C12:D12"/>
    <mergeCell ref="E12:E13"/>
    <mergeCell ref="F12:F13"/>
    <mergeCell ref="I13:I14"/>
    <mergeCell ref="G11:G13"/>
    <mergeCell ref="H11:H14"/>
  </mergeCells>
  <printOptions horizontalCentered="1"/>
  <pageMargins left="0.19685039370078741" right="0.19685039370078741" top="0.39370078740157483" bottom="0.19685039370078741" header="0" footer="0"/>
  <pageSetup paperSize="9" scale="50" orientation="portrait" r:id="rId4"/>
  <drawing r:id="rId5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55"/>
  <sheetViews>
    <sheetView showGridLines="0" tabSelected="1" zoomScaleNormal="100" workbookViewId="0"/>
  </sheetViews>
  <sheetFormatPr defaultRowHeight="11.25" customHeight="1" x14ac:dyDescent="0.2"/>
  <cols>
    <col min="1" max="1" width="80.7109375" style="5" customWidth="1"/>
    <col min="2" max="2" width="30.7109375" style="5" customWidth="1"/>
    <col min="3" max="3" width="40.7109375" style="5" customWidth="1"/>
    <col min="4" max="16384" width="9.140625" style="5"/>
  </cols>
  <sheetData>
    <row r="1" spans="1:3" ht="10.5" x14ac:dyDescent="0.2">
      <c r="A1" s="8"/>
    </row>
    <row r="2" spans="1:3" ht="11.25" customHeight="1" x14ac:dyDescent="0.2">
      <c r="A2" s="8"/>
    </row>
    <row r="3" spans="1:3" ht="11.25" customHeight="1" x14ac:dyDescent="0.2">
      <c r="A3" s="240" t="s">
        <v>199</v>
      </c>
      <c r="B3" s="240"/>
      <c r="C3" s="240"/>
    </row>
    <row r="4" spans="1:3" ht="11.25" customHeight="1" x14ac:dyDescent="0.2">
      <c r="A4" s="240" t="s">
        <v>0</v>
      </c>
      <c r="B4" s="240"/>
      <c r="C4" s="240"/>
    </row>
    <row r="5" spans="1:3" s="20" customFormat="1" ht="11.25" customHeight="1" x14ac:dyDescent="0.2">
      <c r="A5" s="240" t="s">
        <v>102</v>
      </c>
      <c r="B5" s="240"/>
      <c r="C5" s="240"/>
    </row>
    <row r="6" spans="1:3" s="20" customFormat="1" ht="11.25" customHeight="1" x14ac:dyDescent="0.2">
      <c r="A6" s="240" t="s">
        <v>4</v>
      </c>
      <c r="B6" s="240"/>
      <c r="C6" s="240"/>
    </row>
    <row r="7" spans="1:3" s="20" customFormat="1" ht="11.25" customHeight="1" x14ac:dyDescent="0.2">
      <c r="A7" s="240" t="s">
        <v>217</v>
      </c>
      <c r="B7" s="240"/>
      <c r="C7" s="240"/>
    </row>
    <row r="8" spans="1:3" ht="11.25" customHeight="1" x14ac:dyDescent="0.2">
      <c r="A8" s="90"/>
      <c r="B8" s="90"/>
      <c r="C8" s="90"/>
    </row>
    <row r="9" spans="1:3" ht="11.25" customHeight="1" x14ac:dyDescent="0.2">
      <c r="A9" s="20" t="s">
        <v>216</v>
      </c>
      <c r="C9" s="6">
        <v>1</v>
      </c>
    </row>
    <row r="10" spans="1:3" ht="15" customHeight="1" x14ac:dyDescent="0.2">
      <c r="A10" s="143" t="s">
        <v>161</v>
      </c>
      <c r="B10" s="347" t="s">
        <v>162</v>
      </c>
      <c r="C10" s="348"/>
    </row>
    <row r="11" spans="1:3" ht="12" customHeight="1" x14ac:dyDescent="0.2">
      <c r="A11" s="9" t="s">
        <v>163</v>
      </c>
      <c r="B11" s="91"/>
      <c r="C11" s="115">
        <v>8320781588.8699999</v>
      </c>
    </row>
    <row r="12" spans="1:3" ht="12" customHeight="1" x14ac:dyDescent="0.2">
      <c r="C12" s="6"/>
    </row>
    <row r="13" spans="1:3" ht="12" customHeight="1" x14ac:dyDescent="0.2">
      <c r="A13" s="92" t="s">
        <v>13</v>
      </c>
      <c r="B13" s="93" t="s">
        <v>3</v>
      </c>
      <c r="C13" s="93" t="s">
        <v>7</v>
      </c>
    </row>
    <row r="14" spans="1:3" ht="12" customHeight="1" x14ac:dyDescent="0.2">
      <c r="A14" s="94" t="s">
        <v>67</v>
      </c>
      <c r="B14" s="95">
        <v>4591452093.6100006</v>
      </c>
      <c r="C14" s="96">
        <v>55.180538565651027</v>
      </c>
    </row>
    <row r="15" spans="1:3" ht="12" customHeight="1" x14ac:dyDescent="0.2">
      <c r="A15" s="94" t="s">
        <v>209</v>
      </c>
      <c r="B15" s="95">
        <v>4992468953.3219995</v>
      </c>
      <c r="C15" s="96">
        <v>60</v>
      </c>
    </row>
    <row r="16" spans="1:3" ht="12" customHeight="1" x14ac:dyDescent="0.2">
      <c r="A16" s="97" t="s">
        <v>210</v>
      </c>
      <c r="B16" s="98">
        <v>4742845505.655899</v>
      </c>
      <c r="C16" s="99">
        <v>57</v>
      </c>
    </row>
    <row r="17" spans="1:4" ht="12" customHeight="1" x14ac:dyDescent="0.2">
      <c r="A17" s="2"/>
      <c r="B17" s="2"/>
      <c r="C17" s="2"/>
    </row>
    <row r="18" spans="1:4" ht="12" customHeight="1" x14ac:dyDescent="0.2">
      <c r="A18" s="92" t="s">
        <v>106</v>
      </c>
      <c r="B18" s="93" t="s">
        <v>3</v>
      </c>
      <c r="C18" s="93" t="s">
        <v>7</v>
      </c>
    </row>
    <row r="19" spans="1:4" ht="12" customHeight="1" x14ac:dyDescent="0.2">
      <c r="A19" s="94" t="s">
        <v>8</v>
      </c>
      <c r="B19" s="95">
        <v>7627462145.54</v>
      </c>
      <c r="C19" s="95">
        <v>91.667616366022713</v>
      </c>
    </row>
    <row r="20" spans="1:4" ht="12" customHeight="1" x14ac:dyDescent="0.2">
      <c r="A20" s="97" t="s">
        <v>12</v>
      </c>
      <c r="B20" s="98">
        <v>16641563177.74</v>
      </c>
      <c r="C20" s="98">
        <v>200</v>
      </c>
    </row>
    <row r="21" spans="1:4" ht="12" customHeight="1" x14ac:dyDescent="0.2">
      <c r="A21" s="2"/>
      <c r="B21" s="2"/>
      <c r="C21" s="2"/>
    </row>
    <row r="22" spans="1:4" ht="12" customHeight="1" x14ac:dyDescent="0.2">
      <c r="A22" s="92" t="s">
        <v>15</v>
      </c>
      <c r="B22" s="93" t="s">
        <v>3</v>
      </c>
      <c r="C22" s="93" t="s">
        <v>7</v>
      </c>
    </row>
    <row r="23" spans="1:4" ht="12" customHeight="1" x14ac:dyDescent="0.2">
      <c r="A23" s="94" t="s">
        <v>124</v>
      </c>
      <c r="B23" s="95">
        <v>25144132.649999999</v>
      </c>
      <c r="C23" s="95">
        <v>0.3021847452844233</v>
      </c>
    </row>
    <row r="24" spans="1:4" ht="12" customHeight="1" x14ac:dyDescent="0.2">
      <c r="A24" s="97" t="s">
        <v>12</v>
      </c>
      <c r="B24" s="98">
        <v>1830571949.5513999</v>
      </c>
      <c r="C24" s="99">
        <v>22</v>
      </c>
    </row>
    <row r="25" spans="1:4" ht="12" customHeight="1" x14ac:dyDescent="0.2">
      <c r="A25" s="2"/>
      <c r="B25" s="2"/>
      <c r="C25" s="2"/>
    </row>
    <row r="26" spans="1:4" ht="12" customHeight="1" x14ac:dyDescent="0.2">
      <c r="A26" s="92" t="s">
        <v>2</v>
      </c>
      <c r="B26" s="93" t="s">
        <v>3</v>
      </c>
      <c r="C26" s="93" t="s">
        <v>7</v>
      </c>
    </row>
    <row r="27" spans="1:4" ht="12" customHeight="1" x14ac:dyDescent="0.2">
      <c r="A27" s="94" t="s">
        <v>16</v>
      </c>
      <c r="B27" s="95">
        <v>6169244.4500000002</v>
      </c>
      <c r="C27" s="95">
        <v>7.4142607687865195E-2</v>
      </c>
    </row>
    <row r="28" spans="1:4" ht="12" customHeight="1" x14ac:dyDescent="0.2">
      <c r="A28" s="94" t="s">
        <v>17</v>
      </c>
      <c r="B28" s="95">
        <v>0</v>
      </c>
      <c r="C28" s="95">
        <v>0</v>
      </c>
      <c r="D28" s="141"/>
    </row>
    <row r="29" spans="1:4" ht="12" customHeight="1" x14ac:dyDescent="0.2">
      <c r="A29" s="94" t="s">
        <v>71</v>
      </c>
      <c r="B29" s="95">
        <v>1331325054.2191999</v>
      </c>
      <c r="C29" s="96">
        <v>16</v>
      </c>
    </row>
    <row r="30" spans="1:4" ht="12" customHeight="1" x14ac:dyDescent="0.2">
      <c r="A30" s="97" t="s">
        <v>36</v>
      </c>
      <c r="B30" s="98">
        <v>582454711.22090006</v>
      </c>
      <c r="C30" s="99">
        <v>7.0000000000000009</v>
      </c>
    </row>
    <row r="31" spans="1:4" ht="8.1" customHeight="1" x14ac:dyDescent="0.2">
      <c r="A31" s="2"/>
      <c r="B31" s="2"/>
      <c r="C31" s="2"/>
    </row>
    <row r="32" spans="1:4" ht="11.25" customHeight="1" x14ac:dyDescent="0.2">
      <c r="A32" s="341" t="s">
        <v>5</v>
      </c>
      <c r="B32" s="343" t="s">
        <v>126</v>
      </c>
      <c r="C32" s="345" t="s">
        <v>123</v>
      </c>
      <c r="D32" s="2"/>
    </row>
    <row r="33" spans="1:7" ht="37.5" customHeight="1" x14ac:dyDescent="0.2">
      <c r="A33" s="342"/>
      <c r="B33" s="344"/>
      <c r="C33" s="346" t="s">
        <v>49</v>
      </c>
      <c r="D33" s="2"/>
    </row>
    <row r="34" spans="1:7" ht="20.100000000000001" customHeight="1" x14ac:dyDescent="0.2">
      <c r="A34" s="134" t="s">
        <v>125</v>
      </c>
      <c r="B34" s="181">
        <v>13753848.439999998</v>
      </c>
      <c r="C34" s="181">
        <v>1239654101.2999997</v>
      </c>
    </row>
    <row r="35" spans="1:7" ht="11.25" customHeight="1" x14ac:dyDescent="0.2">
      <c r="A35" s="136" t="s">
        <v>260</v>
      </c>
      <c r="B35" s="135"/>
      <c r="C35" s="137">
        <v>42398.342813773146</v>
      </c>
    </row>
    <row r="36" spans="1:7" s="2" customFormat="1" ht="11.25" customHeight="1" x14ac:dyDescent="0.2"/>
    <row r="44" spans="1:7" ht="11.25" customHeight="1" x14ac:dyDescent="0.2">
      <c r="A44" s="3"/>
      <c r="B44" s="3"/>
      <c r="C44" s="3"/>
      <c r="D44" s="4"/>
      <c r="E44" s="3"/>
      <c r="F44" s="3"/>
      <c r="G44" s="3"/>
    </row>
    <row r="45" spans="1:7" ht="11.25" customHeight="1" x14ac:dyDescent="0.2">
      <c r="A45" s="3"/>
      <c r="B45" s="3"/>
      <c r="C45" s="3"/>
      <c r="D45" s="4"/>
      <c r="E45" s="3"/>
      <c r="F45" s="3"/>
      <c r="G45" s="3"/>
    </row>
    <row r="46" spans="1:7" ht="11.25" customHeight="1" x14ac:dyDescent="0.2">
      <c r="A46" s="3"/>
      <c r="B46" s="3"/>
      <c r="C46" s="3"/>
      <c r="D46" s="4"/>
      <c r="E46" s="3"/>
      <c r="F46" s="3"/>
      <c r="G46" s="3"/>
    </row>
    <row r="47" spans="1:7" ht="11.25" customHeight="1" x14ac:dyDescent="0.2">
      <c r="A47" s="3"/>
      <c r="B47" s="3"/>
      <c r="C47" s="3"/>
      <c r="D47" s="4"/>
      <c r="E47" s="3"/>
      <c r="F47" s="3"/>
      <c r="G47" s="3"/>
    </row>
    <row r="48" spans="1:7" ht="11.25" customHeight="1" x14ac:dyDescent="0.2">
      <c r="A48" s="3"/>
      <c r="B48" s="3"/>
      <c r="C48" s="3"/>
      <c r="D48" s="4"/>
      <c r="E48" s="3"/>
      <c r="F48" s="3"/>
      <c r="G48" s="3"/>
    </row>
    <row r="49" spans="1:7" ht="11.25" customHeight="1" x14ac:dyDescent="0.2">
      <c r="A49" s="4"/>
      <c r="B49" s="4"/>
      <c r="C49" s="4"/>
      <c r="D49" s="4"/>
      <c r="E49" s="4"/>
      <c r="F49" s="4"/>
      <c r="G49" s="4"/>
    </row>
    <row r="50" spans="1:7" ht="11.25" customHeight="1" x14ac:dyDescent="0.2">
      <c r="A50" s="3"/>
      <c r="B50" s="3"/>
      <c r="C50" s="3"/>
      <c r="D50" s="4"/>
      <c r="E50" s="3"/>
      <c r="F50" s="3"/>
      <c r="G50" s="3"/>
    </row>
    <row r="51" spans="1:7" ht="11.25" customHeight="1" x14ac:dyDescent="0.2">
      <c r="A51" s="3"/>
      <c r="B51" s="3"/>
      <c r="C51" s="3"/>
      <c r="D51" s="4"/>
      <c r="E51" s="3"/>
      <c r="F51" s="3"/>
      <c r="G51" s="3"/>
    </row>
    <row r="52" spans="1:7" ht="11.25" customHeight="1" x14ac:dyDescent="0.2">
      <c r="A52" s="3"/>
      <c r="B52" s="3"/>
      <c r="C52" s="3"/>
      <c r="D52" s="4"/>
      <c r="E52" s="3"/>
      <c r="F52" s="3"/>
      <c r="G52" s="3"/>
    </row>
    <row r="53" spans="1:7" ht="11.25" customHeight="1" x14ac:dyDescent="0.2">
      <c r="A53" s="3"/>
      <c r="B53" s="3"/>
      <c r="C53" s="3"/>
      <c r="D53" s="4"/>
      <c r="E53" s="3"/>
      <c r="F53" s="3"/>
      <c r="G53" s="3"/>
    </row>
    <row r="54" spans="1:7" ht="11.25" customHeight="1" x14ac:dyDescent="0.2">
      <c r="A54" s="16"/>
      <c r="B54" s="16"/>
      <c r="C54" s="16"/>
      <c r="D54" s="16"/>
      <c r="E54" s="16"/>
      <c r="F54" s="16"/>
      <c r="G54" s="4"/>
    </row>
    <row r="55" spans="1:7" ht="11.25" customHeight="1" x14ac:dyDescent="0.2">
      <c r="A55" s="16"/>
      <c r="B55" s="16"/>
      <c r="C55" s="16"/>
      <c r="D55" s="16"/>
      <c r="E55" s="7"/>
      <c r="F55" s="7"/>
      <c r="G55" s="4"/>
    </row>
  </sheetData>
  <customSheetViews>
    <customSheetView guid="{6D063188-16B5-4071-AE21-C7F6DB37AFBB}" showPageBreaks="1" showGridLines="0" fitToPage="1" printArea="1">
      <pageMargins left="0.19685039370078741" right="0.19685039370078741" top="0.39370078740157483" bottom="0.19685039370078741" header="0" footer="0"/>
      <printOptions horizontalCentered="1"/>
      <pageSetup paperSize="9" scale="66" orientation="portrait" r:id="rId1"/>
      <headerFooter alignWithMargins="0"/>
    </customSheetView>
    <customSheetView guid="{6C121633-ED4E-47D4-9C39-9D582FC532C7}" showPageBreaks="1" showGridLines="0" fitToPage="1" printArea="1" topLeftCell="A10">
      <selection activeCell="C34" sqref="C34"/>
      <pageMargins left="0.19685039370078741" right="0.19685039370078741" top="0.19685039370078741" bottom="0.19685039370078741" header="0" footer="0"/>
      <printOptions horizontalCentered="1"/>
      <pageSetup paperSize="9" scale="67" orientation="portrait" r:id="rId2"/>
      <headerFooter alignWithMargins="0"/>
    </customSheetView>
    <customSheetView guid="{A3DDC128-A56B-4F45-A551-BA04BB179A3D}" showPageBreaks="1" showGridLines="0" fitToPage="1" printArea="1" topLeftCell="A13">
      <selection activeCell="F23" sqref="F23"/>
      <pageMargins left="0.19685039370078741" right="0.19685039370078741" top="0.19685039370078741" bottom="0.19685039370078741" header="0" footer="0"/>
      <printOptions horizontalCentered="1"/>
      <pageSetup paperSize="9" scale="66" orientation="portrait" r:id="rId3"/>
      <headerFooter alignWithMargins="0"/>
    </customSheetView>
    <customSheetView guid="{2E3109D4-AAF5-4B4A-B3D6-6363C0BC1DF5}" showPageBreaks="1" showGridLines="0" fitToPage="1" printArea="1">
      <selection activeCell="E10" sqref="E10"/>
      <pageMargins left="0.19685039370078741" right="0.19685039370078741" top="0.19685039370078741" bottom="0.19685039370078741" header="0" footer="0"/>
      <printOptions horizontalCentered="1"/>
      <pageSetup paperSize="9" scale="66" orientation="portrait" r:id="rId4"/>
      <headerFooter alignWithMargins="0"/>
    </customSheetView>
    <customSheetView guid="{05BE6146-A9DF-4967-AF82-02B690EDB2A3}" showPageBreaks="1" showGridLines="0" fitToPage="1" printArea="1">
      <selection activeCell="F14" sqref="F14"/>
      <pageMargins left="0.19685039370078741" right="0.19685039370078741" top="0.59055118110236227" bottom="0.39370078740157483" header="0" footer="0"/>
      <printOptions horizontalCentered="1"/>
      <pageSetup paperSize="9" scale="66" orientation="portrait" r:id="rId5"/>
      <headerFooter alignWithMargins="0"/>
    </customSheetView>
    <customSheetView guid="{D8FEB5D0-D989-4C2B-BD50-DB181944A81F}" showPageBreaks="1" showGridLines="0" fitToPage="1" printArea="1">
      <selection activeCell="A3" sqref="A3:C3"/>
      <pageMargins left="0.19685039370078741" right="0.19685039370078741" top="0.19685039370078741" bottom="0.19685039370078741" header="0" footer="0"/>
      <printOptions horizontalCentered="1"/>
      <pageSetup paperSize="9" scale="67" orientation="portrait" r:id="rId6"/>
      <headerFooter alignWithMargins="0"/>
    </customSheetView>
  </customSheetViews>
  <mergeCells count="9">
    <mergeCell ref="A32:A33"/>
    <mergeCell ref="A3:C3"/>
    <mergeCell ref="A7:C7"/>
    <mergeCell ref="A4:C4"/>
    <mergeCell ref="A5:C5"/>
    <mergeCell ref="A6:C6"/>
    <mergeCell ref="B32:B33"/>
    <mergeCell ref="C32:C33"/>
    <mergeCell ref="B10:C10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7" orientation="portrait" r:id="rId7"/>
  <headerFooter alignWithMargins="0"/>
  <drawing r:id="rId8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8</vt:i4>
      </vt:variant>
      <vt:variant>
        <vt:lpstr>Intervalos nomeados</vt:lpstr>
      </vt:variant>
      <vt:variant>
        <vt:i4>7</vt:i4>
      </vt:variant>
    </vt:vector>
  </HeadingPairs>
  <TitlesOfParts>
    <vt:vector size="15" baseType="lpstr">
      <vt:lpstr>Anexo 1 - Pessoal CONSOLIDADO</vt:lpstr>
      <vt:lpstr>Anexo 1 - Pessoal EXECUTIVO</vt:lpstr>
      <vt:lpstr>Anexo 2 - Dívida</vt:lpstr>
      <vt:lpstr>Anexo 3 - Garantias</vt:lpstr>
      <vt:lpstr>Anexo 4 -Op. Crédito</vt:lpstr>
      <vt:lpstr>Anexo 5-Dispon.Cx+RP-Executivo</vt:lpstr>
      <vt:lpstr>Anexo 5-Dispon.Cx+RP-Consolido</vt:lpstr>
      <vt:lpstr>Anexo 6 - Simplificado</vt:lpstr>
      <vt:lpstr>'Anexo 1 - Pessoal CONSOLIDADO'!Area_de_impressao</vt:lpstr>
      <vt:lpstr>'Anexo 1 - Pessoal EXECUTIVO'!Area_de_impressao</vt:lpstr>
      <vt:lpstr>'Anexo 2 - Dívida'!Area_de_impressao</vt:lpstr>
      <vt:lpstr>'Anexo 3 - Garantias'!Area_de_impressao</vt:lpstr>
      <vt:lpstr>'Anexo 4 -Op. Crédito'!Area_de_impressao</vt:lpstr>
      <vt:lpstr>'Anexo 5-Dispon.Cx+RP-Executivo'!Area_de_impressao</vt:lpstr>
      <vt:lpstr>'Anexo 6 - Simplificado'!Area_de_impressao</vt:lpstr>
    </vt:vector>
  </TitlesOfParts>
  <Company>Ministério da Fazenda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exos RGF</dc:title>
  <dc:creator>GEINC/CCONT/STN</dc:creator>
  <cp:lastModifiedBy>CLÁUDIO JOSÉ DAINESE</cp:lastModifiedBy>
  <cp:lastPrinted>2016-01-28T20:31:21Z</cp:lastPrinted>
  <dcterms:created xsi:type="dcterms:W3CDTF">2001-09-06T15:18:59Z</dcterms:created>
  <dcterms:modified xsi:type="dcterms:W3CDTF">2016-01-29T12:14:30Z</dcterms:modified>
</cp:coreProperties>
</file>